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2"/>
  </p:notesMasterIdLst>
  <p:handoutMasterIdLst>
    <p:handoutMasterId r:id="rId23"/>
  </p:handoutMasterIdLst>
  <p:sldIdLst>
    <p:sldId id="256" r:id="rId10"/>
    <p:sldId id="260" r:id="rId11"/>
    <p:sldId id="257" r:id="rId12"/>
    <p:sldId id="264" r:id="rId13"/>
    <p:sldId id="263" r:id="rId14"/>
    <p:sldId id="261" r:id="rId15"/>
    <p:sldId id="262" r:id="rId16"/>
    <p:sldId id="265" r:id="rId17"/>
    <p:sldId id="266" r:id="rId18"/>
    <p:sldId id="268" r:id="rId19"/>
    <p:sldId id="267" r:id="rId20"/>
    <p:sldId id="269" r:id="rId21"/>
  </p:sldIdLst>
  <p:sldSz cx="12190413" cy="6858000"/>
  <p:notesSz cx="6858000" cy="9144000"/>
  <p:custDataLst>
    <p:tags r:id="rId2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C0B75C1-BF08-414B-A85E-381649998069}" v="39" dt="2025-01-03T14:10:24.507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99" d="100"/>
          <a:sy n="99" d="100"/>
        </p:scale>
        <p:origin x="90" y="33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handoutMaster" Target="handoutMasters/handoutMaster1.xml"/><Relationship Id="rId28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notesMaster" Target="notesMasters/notesMaster1.xml"/><Relationship Id="rId27" Type="http://schemas.openxmlformats.org/officeDocument/2006/relationships/theme" Target="theme/theme1.xml"/><Relationship Id="rId30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Frederik Skou Fertin" userId="8951aed8-7c9b-49ea-93bd-9fdf65fe1278" providerId="ADAL" clId="{3C0B75C1-BF08-414B-A85E-381649998069}"/>
    <pc:docChg chg="undo custSel addSld delSld modSld">
      <pc:chgData name="Frederik Skou Fertin" userId="8951aed8-7c9b-49ea-93bd-9fdf65fe1278" providerId="ADAL" clId="{3C0B75C1-BF08-414B-A85E-381649998069}" dt="2025-01-03T14:10:42.921" v="2160" actId="20577"/>
      <pc:docMkLst>
        <pc:docMk/>
      </pc:docMkLst>
      <pc:sldChg chg="modSp mod">
        <pc:chgData name="Frederik Skou Fertin" userId="8951aed8-7c9b-49ea-93bd-9fdf65fe1278" providerId="ADAL" clId="{3C0B75C1-BF08-414B-A85E-381649998069}" dt="2025-01-03T12:54:38.668" v="2" actId="790"/>
        <pc:sldMkLst>
          <pc:docMk/>
          <pc:sldMk cId="2864221867" sldId="261"/>
        </pc:sldMkLst>
        <pc:spChg chg="mod">
          <ac:chgData name="Frederik Skou Fertin" userId="8951aed8-7c9b-49ea-93bd-9fdf65fe1278" providerId="ADAL" clId="{3C0B75C1-BF08-414B-A85E-381649998069}" dt="2025-01-03T12:54:38.668" v="2" actId="790"/>
          <ac:spMkLst>
            <pc:docMk/>
            <pc:sldMk cId="2864221867" sldId="261"/>
            <ac:spMk id="2" creationId="{C396555D-3E7C-3E53-4977-C545A159AFAA}"/>
          </ac:spMkLst>
        </pc:spChg>
      </pc:sldChg>
      <pc:sldChg chg="addSp delSp modSp mod">
        <pc:chgData name="Frederik Skou Fertin" userId="8951aed8-7c9b-49ea-93bd-9fdf65fe1278" providerId="ADAL" clId="{3C0B75C1-BF08-414B-A85E-381649998069}" dt="2025-01-03T13:39:40.136" v="228" actId="20577"/>
        <pc:sldMkLst>
          <pc:docMk/>
          <pc:sldMk cId="2286935339" sldId="262"/>
        </pc:sldMkLst>
        <pc:spChg chg="mod">
          <ac:chgData name="Frederik Skou Fertin" userId="8951aed8-7c9b-49ea-93bd-9fdf65fe1278" providerId="ADAL" clId="{3C0B75C1-BF08-414B-A85E-381649998069}" dt="2025-01-03T13:38:54.958" v="111" actId="20577"/>
          <ac:spMkLst>
            <pc:docMk/>
            <pc:sldMk cId="2286935339" sldId="262"/>
            <ac:spMk id="2" creationId="{D1F9A159-DA10-4727-8E9C-6F4383C7877E}"/>
          </ac:spMkLst>
        </pc:spChg>
        <pc:spChg chg="del">
          <ac:chgData name="Frederik Skou Fertin" userId="8951aed8-7c9b-49ea-93bd-9fdf65fe1278" providerId="ADAL" clId="{3C0B75C1-BF08-414B-A85E-381649998069}" dt="2025-01-03T13:38:15.621" v="53" actId="478"/>
          <ac:spMkLst>
            <pc:docMk/>
            <pc:sldMk cId="2286935339" sldId="262"/>
            <ac:spMk id="3" creationId="{14F35E68-4A50-775B-1CDD-71CC51B61434}"/>
          </ac:spMkLst>
        </pc:spChg>
        <pc:spChg chg="add del mod">
          <ac:chgData name="Frederik Skou Fertin" userId="8951aed8-7c9b-49ea-93bd-9fdf65fe1278" providerId="ADAL" clId="{3C0B75C1-BF08-414B-A85E-381649998069}" dt="2025-01-03T13:38:18.264" v="55" actId="478"/>
          <ac:spMkLst>
            <pc:docMk/>
            <pc:sldMk cId="2286935339" sldId="262"/>
            <ac:spMk id="7" creationId="{22F054EE-3D4B-EC10-6908-6217E76C513F}"/>
          </ac:spMkLst>
        </pc:spChg>
        <pc:spChg chg="add mod">
          <ac:chgData name="Frederik Skou Fertin" userId="8951aed8-7c9b-49ea-93bd-9fdf65fe1278" providerId="ADAL" clId="{3C0B75C1-BF08-414B-A85E-381649998069}" dt="2025-01-03T13:39:40.136" v="228" actId="20577"/>
          <ac:spMkLst>
            <pc:docMk/>
            <pc:sldMk cId="2286935339" sldId="262"/>
            <ac:spMk id="8" creationId="{6A107A15-B1C9-4E15-F78B-2CB13DC22BD8}"/>
          </ac:spMkLst>
        </pc:spChg>
        <pc:picChg chg="add mod">
          <ac:chgData name="Frederik Skou Fertin" userId="8951aed8-7c9b-49ea-93bd-9fdf65fe1278" providerId="ADAL" clId="{3C0B75C1-BF08-414B-A85E-381649998069}" dt="2025-01-03T13:38:02.524" v="52" actId="1038"/>
          <ac:picMkLst>
            <pc:docMk/>
            <pc:sldMk cId="2286935339" sldId="262"/>
            <ac:picMk id="6" creationId="{5C585A35-6B71-89B0-B5BD-A5469372880B}"/>
          </ac:picMkLst>
        </pc:picChg>
      </pc:sldChg>
      <pc:sldChg chg="modSp">
        <pc:chgData name="Frederik Skou Fertin" userId="8951aed8-7c9b-49ea-93bd-9fdf65fe1278" providerId="ADAL" clId="{3C0B75C1-BF08-414B-A85E-381649998069}" dt="2025-01-03T12:53:47.748" v="0" actId="790"/>
        <pc:sldMkLst>
          <pc:docMk/>
          <pc:sldMk cId="2299151018" sldId="264"/>
        </pc:sldMkLst>
        <pc:graphicFrameChg chg="mod">
          <ac:chgData name="Frederik Skou Fertin" userId="8951aed8-7c9b-49ea-93bd-9fdf65fe1278" providerId="ADAL" clId="{3C0B75C1-BF08-414B-A85E-381649998069}" dt="2025-01-03T12:53:47.748" v="0" actId="790"/>
          <ac:graphicFrameMkLst>
            <pc:docMk/>
            <pc:sldMk cId="2299151018" sldId="264"/>
            <ac:graphicFrameMk id="6" creationId="{8B7EB042-7F96-320C-2750-E3225881364E}"/>
          </ac:graphicFrameMkLst>
        </pc:graphicFrameChg>
      </pc:sldChg>
      <pc:sldChg chg="addSp delSp modSp new mod">
        <pc:chgData name="Frederik Skou Fertin" userId="8951aed8-7c9b-49ea-93bd-9fdf65fe1278" providerId="ADAL" clId="{3C0B75C1-BF08-414B-A85E-381649998069}" dt="2025-01-03T13:47:46.013" v="661" actId="20577"/>
        <pc:sldMkLst>
          <pc:docMk/>
          <pc:sldMk cId="2470997576" sldId="265"/>
        </pc:sldMkLst>
        <pc:spChg chg="mod">
          <ac:chgData name="Frederik Skou Fertin" userId="8951aed8-7c9b-49ea-93bd-9fdf65fe1278" providerId="ADAL" clId="{3C0B75C1-BF08-414B-A85E-381649998069}" dt="2025-01-03T13:40:41.325" v="286" actId="20577"/>
          <ac:spMkLst>
            <pc:docMk/>
            <pc:sldMk cId="2470997576" sldId="265"/>
            <ac:spMk id="2" creationId="{11C35D65-B677-6F26-321B-6CE320314D0A}"/>
          </ac:spMkLst>
        </pc:spChg>
        <pc:spChg chg="del">
          <ac:chgData name="Frederik Skou Fertin" userId="8951aed8-7c9b-49ea-93bd-9fdf65fe1278" providerId="ADAL" clId="{3C0B75C1-BF08-414B-A85E-381649998069}" dt="2025-01-03T13:40:15.940" v="231"/>
          <ac:spMkLst>
            <pc:docMk/>
            <pc:sldMk cId="2470997576" sldId="265"/>
            <ac:spMk id="3" creationId="{FBB56528-CB75-080E-F092-9C0C58262C84}"/>
          </ac:spMkLst>
        </pc:spChg>
        <pc:spChg chg="add mod">
          <ac:chgData name="Frederik Skou Fertin" userId="8951aed8-7c9b-49ea-93bd-9fdf65fe1278" providerId="ADAL" clId="{3C0B75C1-BF08-414B-A85E-381649998069}" dt="2025-01-03T13:47:46.013" v="661" actId="20577"/>
          <ac:spMkLst>
            <pc:docMk/>
            <pc:sldMk cId="2470997576" sldId="265"/>
            <ac:spMk id="7" creationId="{30DBB2DF-E4BD-4334-53AF-BE5283160728}"/>
          </ac:spMkLst>
        </pc:spChg>
        <pc:picChg chg="add mod">
          <ac:chgData name="Frederik Skou Fertin" userId="8951aed8-7c9b-49ea-93bd-9fdf65fe1278" providerId="ADAL" clId="{3C0B75C1-BF08-414B-A85E-381649998069}" dt="2025-01-03T13:45:40.745" v="330" actId="1076"/>
          <ac:picMkLst>
            <pc:docMk/>
            <pc:sldMk cId="2470997576" sldId="265"/>
            <ac:picMk id="6" creationId="{6A82F42C-D673-B359-A802-8A8A42A1FFE6}"/>
          </ac:picMkLst>
        </pc:picChg>
      </pc:sldChg>
      <pc:sldChg chg="addSp delSp modSp new mod modClrScheme chgLayout">
        <pc:chgData name="Frederik Skou Fertin" userId="8951aed8-7c9b-49ea-93bd-9fdf65fe1278" providerId="ADAL" clId="{3C0B75C1-BF08-414B-A85E-381649998069}" dt="2025-01-03T13:50:24.436" v="934" actId="20577"/>
        <pc:sldMkLst>
          <pc:docMk/>
          <pc:sldMk cId="3102892630" sldId="266"/>
        </pc:sldMkLst>
        <pc:spChg chg="mod">
          <ac:chgData name="Frederik Skou Fertin" userId="8951aed8-7c9b-49ea-93bd-9fdf65fe1278" providerId="ADAL" clId="{3C0B75C1-BF08-414B-A85E-381649998069}" dt="2025-01-03T13:48:15.545" v="667" actId="26606"/>
          <ac:spMkLst>
            <pc:docMk/>
            <pc:sldMk cId="3102892630" sldId="266"/>
            <ac:spMk id="2" creationId="{65D47EB1-48FB-CCAD-3F3F-10113BEB0511}"/>
          </ac:spMkLst>
        </pc:spChg>
        <pc:spChg chg="del">
          <ac:chgData name="Frederik Skou Fertin" userId="8951aed8-7c9b-49ea-93bd-9fdf65fe1278" providerId="ADAL" clId="{3C0B75C1-BF08-414B-A85E-381649998069}" dt="2025-01-03T13:45:25.507" v="325"/>
          <ac:spMkLst>
            <pc:docMk/>
            <pc:sldMk cId="3102892630" sldId="266"/>
            <ac:spMk id="3" creationId="{069020C0-D0A7-1FD6-0DDC-4945D73147F7}"/>
          </ac:spMkLst>
        </pc:spChg>
        <pc:spChg chg="mod ord">
          <ac:chgData name="Frederik Skou Fertin" userId="8951aed8-7c9b-49ea-93bd-9fdf65fe1278" providerId="ADAL" clId="{3C0B75C1-BF08-414B-A85E-381649998069}" dt="2025-01-03T13:48:15.545" v="667" actId="26606"/>
          <ac:spMkLst>
            <pc:docMk/>
            <pc:sldMk cId="3102892630" sldId="266"/>
            <ac:spMk id="4" creationId="{0ACC71F9-06FF-5DDB-29A5-535FC2D5A5EB}"/>
          </ac:spMkLst>
        </pc:spChg>
        <pc:spChg chg="add mod ord">
          <ac:chgData name="Frederik Skou Fertin" userId="8951aed8-7c9b-49ea-93bd-9fdf65fe1278" providerId="ADAL" clId="{3C0B75C1-BF08-414B-A85E-381649998069}" dt="2025-01-03T13:50:24.436" v="934" actId="20577"/>
          <ac:spMkLst>
            <pc:docMk/>
            <pc:sldMk cId="3102892630" sldId="266"/>
            <ac:spMk id="7" creationId="{1CD1021C-3DCB-8D4D-9E25-2E5E3693AEE4}"/>
          </ac:spMkLst>
        </pc:spChg>
        <pc:picChg chg="add mod">
          <ac:chgData name="Frederik Skou Fertin" userId="8951aed8-7c9b-49ea-93bd-9fdf65fe1278" providerId="ADAL" clId="{3C0B75C1-BF08-414B-A85E-381649998069}" dt="2025-01-03T13:48:19.086" v="668" actId="14100"/>
          <ac:picMkLst>
            <pc:docMk/>
            <pc:sldMk cId="3102892630" sldId="266"/>
            <ac:picMk id="6" creationId="{86E1AABF-3AFF-AA99-ABAD-817880811011}"/>
          </ac:picMkLst>
        </pc:picChg>
      </pc:sldChg>
      <pc:sldChg chg="addSp delSp modSp new mod">
        <pc:chgData name="Frederik Skou Fertin" userId="8951aed8-7c9b-49ea-93bd-9fdf65fe1278" providerId="ADAL" clId="{3C0B75C1-BF08-414B-A85E-381649998069}" dt="2025-01-03T14:09:25.704" v="2089" actId="20577"/>
        <pc:sldMkLst>
          <pc:docMk/>
          <pc:sldMk cId="302534298" sldId="267"/>
        </pc:sldMkLst>
        <pc:spChg chg="mod">
          <ac:chgData name="Frederik Skou Fertin" userId="8951aed8-7c9b-49ea-93bd-9fdf65fe1278" providerId="ADAL" clId="{3C0B75C1-BF08-414B-A85E-381649998069}" dt="2025-01-03T14:08:23.313" v="1949" actId="20577"/>
          <ac:spMkLst>
            <pc:docMk/>
            <pc:sldMk cId="302534298" sldId="267"/>
            <ac:spMk id="2" creationId="{574F4003-B637-0ED0-0146-143C48563B84}"/>
          </ac:spMkLst>
        </pc:spChg>
        <pc:spChg chg="mod">
          <ac:chgData name="Frederik Skou Fertin" userId="8951aed8-7c9b-49ea-93bd-9fdf65fe1278" providerId="ADAL" clId="{3C0B75C1-BF08-414B-A85E-381649998069}" dt="2025-01-03T14:09:25.704" v="2089" actId="20577"/>
          <ac:spMkLst>
            <pc:docMk/>
            <pc:sldMk cId="302534298" sldId="267"/>
            <ac:spMk id="3" creationId="{82A7DD82-7846-99B5-7793-6C4C74D51E74}"/>
          </ac:spMkLst>
        </pc:spChg>
        <pc:spChg chg="del">
          <ac:chgData name="Frederik Skou Fertin" userId="8951aed8-7c9b-49ea-93bd-9fdf65fe1278" providerId="ADAL" clId="{3C0B75C1-BF08-414B-A85E-381649998069}" dt="2025-01-03T13:51:25.795" v="1001"/>
          <ac:spMkLst>
            <pc:docMk/>
            <pc:sldMk cId="302534298" sldId="267"/>
            <ac:spMk id="4" creationId="{F8A0159B-0E73-AE24-CD6B-F3CB355C8FFC}"/>
          </ac:spMkLst>
        </pc:spChg>
        <pc:picChg chg="add mod">
          <ac:chgData name="Frederik Skou Fertin" userId="8951aed8-7c9b-49ea-93bd-9fdf65fe1278" providerId="ADAL" clId="{3C0B75C1-BF08-414B-A85E-381649998069}" dt="2025-01-03T13:51:31.952" v="1005" actId="14100"/>
          <ac:picMkLst>
            <pc:docMk/>
            <pc:sldMk cId="302534298" sldId="267"/>
            <ac:picMk id="7" creationId="{598F8B5C-4F48-B743-1D7F-C951458A4311}"/>
          </ac:picMkLst>
        </pc:picChg>
      </pc:sldChg>
      <pc:sldChg chg="new del">
        <pc:chgData name="Frederik Skou Fertin" userId="8951aed8-7c9b-49ea-93bd-9fdf65fe1278" providerId="ADAL" clId="{3C0B75C1-BF08-414B-A85E-381649998069}" dt="2025-01-03T13:41:40.298" v="288" actId="47"/>
        <pc:sldMkLst>
          <pc:docMk/>
          <pc:sldMk cId="1595973569" sldId="267"/>
        </pc:sldMkLst>
      </pc:sldChg>
      <pc:sldChg chg="addSp delSp modSp new mod">
        <pc:chgData name="Frederik Skou Fertin" userId="8951aed8-7c9b-49ea-93bd-9fdf65fe1278" providerId="ADAL" clId="{3C0B75C1-BF08-414B-A85E-381649998069}" dt="2025-01-03T14:07:47.360" v="1900" actId="20577"/>
        <pc:sldMkLst>
          <pc:docMk/>
          <pc:sldMk cId="903644089" sldId="268"/>
        </pc:sldMkLst>
        <pc:spChg chg="mod">
          <ac:chgData name="Frederik Skou Fertin" userId="8951aed8-7c9b-49ea-93bd-9fdf65fe1278" providerId="ADAL" clId="{3C0B75C1-BF08-414B-A85E-381649998069}" dt="2025-01-03T14:04:37.096" v="1518"/>
          <ac:spMkLst>
            <pc:docMk/>
            <pc:sldMk cId="903644089" sldId="268"/>
            <ac:spMk id="2" creationId="{D79C73EA-60D6-33B3-047E-56742B6E4315}"/>
          </ac:spMkLst>
        </pc:spChg>
        <pc:spChg chg="mod">
          <ac:chgData name="Frederik Skou Fertin" userId="8951aed8-7c9b-49ea-93bd-9fdf65fe1278" providerId="ADAL" clId="{3C0B75C1-BF08-414B-A85E-381649998069}" dt="2025-01-03T14:07:47.360" v="1900" actId="20577"/>
          <ac:spMkLst>
            <pc:docMk/>
            <pc:sldMk cId="903644089" sldId="268"/>
            <ac:spMk id="3" creationId="{CF31EDAD-6403-CE22-EA76-88D1931A2CB3}"/>
          </ac:spMkLst>
        </pc:spChg>
        <pc:spChg chg="del">
          <ac:chgData name="Frederik Skou Fertin" userId="8951aed8-7c9b-49ea-93bd-9fdf65fe1278" providerId="ADAL" clId="{3C0B75C1-BF08-414B-A85E-381649998069}" dt="2025-01-03T14:04:43.501" v="1519"/>
          <ac:spMkLst>
            <pc:docMk/>
            <pc:sldMk cId="903644089" sldId="268"/>
            <ac:spMk id="4" creationId="{1EAA30FC-1403-0942-6EE6-E7067B7F0249}"/>
          </ac:spMkLst>
        </pc:spChg>
        <pc:picChg chg="add mod">
          <ac:chgData name="Frederik Skou Fertin" userId="8951aed8-7c9b-49ea-93bd-9fdf65fe1278" providerId="ADAL" clId="{3C0B75C1-BF08-414B-A85E-381649998069}" dt="2025-01-03T14:04:48.991" v="1523" actId="14100"/>
          <ac:picMkLst>
            <pc:docMk/>
            <pc:sldMk cId="903644089" sldId="268"/>
            <ac:picMk id="7" creationId="{80DFB2E3-B8D2-22A6-BB73-3F87C0F8DEF2}"/>
          </ac:picMkLst>
        </pc:picChg>
      </pc:sldChg>
      <pc:sldChg chg="addSp delSp modSp new mod">
        <pc:chgData name="Frederik Skou Fertin" userId="8951aed8-7c9b-49ea-93bd-9fdf65fe1278" providerId="ADAL" clId="{3C0B75C1-BF08-414B-A85E-381649998069}" dt="2025-01-03T14:10:42.921" v="2160" actId="20577"/>
        <pc:sldMkLst>
          <pc:docMk/>
          <pc:sldMk cId="671272780" sldId="269"/>
        </pc:sldMkLst>
        <pc:spChg chg="mod">
          <ac:chgData name="Frederik Skou Fertin" userId="8951aed8-7c9b-49ea-93bd-9fdf65fe1278" providerId="ADAL" clId="{3C0B75C1-BF08-414B-A85E-381649998069}" dt="2025-01-03T14:10:42.921" v="2160" actId="20577"/>
          <ac:spMkLst>
            <pc:docMk/>
            <pc:sldMk cId="671272780" sldId="269"/>
            <ac:spMk id="2" creationId="{6F795F5C-089F-D263-EF02-FDCE91611411}"/>
          </ac:spMkLst>
        </pc:spChg>
        <pc:spChg chg="del">
          <ac:chgData name="Frederik Skou Fertin" userId="8951aed8-7c9b-49ea-93bd-9fdf65fe1278" providerId="ADAL" clId="{3C0B75C1-BF08-414B-A85E-381649998069}" dt="2025-01-03T14:10:10.328" v="2106"/>
          <ac:spMkLst>
            <pc:docMk/>
            <pc:sldMk cId="671272780" sldId="269"/>
            <ac:spMk id="3" creationId="{DA0DB4E5-D23A-9755-98D9-735D0DC35F7E}"/>
          </ac:spMkLst>
        </pc:spChg>
        <pc:spChg chg="del">
          <ac:chgData name="Frederik Skou Fertin" userId="8951aed8-7c9b-49ea-93bd-9fdf65fe1278" providerId="ADAL" clId="{3C0B75C1-BF08-414B-A85E-381649998069}" dt="2025-01-03T14:10:14.922" v="2110" actId="478"/>
          <ac:spMkLst>
            <pc:docMk/>
            <pc:sldMk cId="671272780" sldId="269"/>
            <ac:spMk id="4" creationId="{B50AAC91-EF86-BF16-37F3-B0E4BD9DBD25}"/>
          </ac:spMkLst>
        </pc:spChg>
        <pc:picChg chg="add mod">
          <ac:chgData name="Frederik Skou Fertin" userId="8951aed8-7c9b-49ea-93bd-9fdf65fe1278" providerId="ADAL" clId="{3C0B75C1-BF08-414B-A85E-381649998069}" dt="2025-01-03T14:10:24.506" v="2114" actId="1076"/>
          <ac:picMkLst>
            <pc:docMk/>
            <pc:sldMk cId="671272780" sldId="269"/>
            <ac:picMk id="7" creationId="{D1112E14-71FF-2697-7FA4-FBF4D94FCE16}"/>
          </ac:picMkLst>
        </pc:picChg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3_1">
  <dgm:title val=""/>
  <dgm:desc val=""/>
  <dgm:catLst>
    <dgm:cat type="accent3" pri="11100"/>
  </dgm:catLst>
  <dgm:styleLbl name="node0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3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3">
        <a:tint val="40000"/>
      </a:schemeClr>
    </dgm:fillClrLst>
    <dgm:linClrLst meth="repeat">
      <a:schemeClr val="accent3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40000"/>
      </a:schemeClr>
    </dgm:fillClrLst>
    <dgm:linClrLst meth="repeat">
      <a:schemeClr val="accent3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40000"/>
      </a:schemeClr>
    </dgm:fillClrLst>
    <dgm:linClrLst meth="repeat">
      <a:schemeClr val="accent3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3">
        <a:alpha val="4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3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3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3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3_1">
  <dgm:title val=""/>
  <dgm:desc val=""/>
  <dgm:catLst>
    <dgm:cat type="accent3" pri="11100"/>
  </dgm:catLst>
  <dgm:styleLbl name="node0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3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3">
        <a:tint val="40000"/>
      </a:schemeClr>
    </dgm:fillClrLst>
    <dgm:linClrLst meth="repeat">
      <a:schemeClr val="accent3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40000"/>
      </a:schemeClr>
    </dgm:fillClrLst>
    <dgm:linClrLst meth="repeat">
      <a:schemeClr val="accent3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40000"/>
      </a:schemeClr>
    </dgm:fillClrLst>
    <dgm:linClrLst meth="repeat">
      <a:schemeClr val="accent3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3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3">
        <a:alpha val="4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3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3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3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3">
        <a:alpha val="90000"/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F6DE8E78-43C0-46D9-B117-5ADF7660257B}" type="doc">
      <dgm:prSet loTypeId="urn:microsoft.com/office/officeart/2005/8/layout/lProcess2" loCatId="list" qsTypeId="urn:microsoft.com/office/officeart/2005/8/quickstyle/simple1" qsCatId="simple" csTypeId="urn:microsoft.com/office/officeart/2005/8/colors/accent3_1" csCatId="accent3" phldr="1"/>
      <dgm:spPr/>
      <dgm:t>
        <a:bodyPr/>
        <a:lstStyle/>
        <a:p>
          <a:endParaRPr lang="en-US"/>
        </a:p>
      </dgm:t>
    </dgm:pt>
    <dgm:pt modelId="{4CCB4173-3514-4A51-B57C-5C971525E6E7}">
      <dgm:prSet/>
      <dgm:spPr/>
      <dgm:t>
        <a:bodyPr/>
        <a:lstStyle/>
        <a:p>
          <a:r>
            <a:rPr lang="en-GB" dirty="0"/>
            <a:t>The transition is driven by private investments - funded by EU and governments.</a:t>
          </a:r>
          <a:endParaRPr lang="en-US" dirty="0"/>
        </a:p>
      </dgm:t>
    </dgm:pt>
    <dgm:pt modelId="{DD60A1B8-A307-4EC4-931F-90158C5D85DB}" type="parTrans" cxnId="{319556A5-6A02-46D9-A5A7-F9B1104FB8E3}">
      <dgm:prSet/>
      <dgm:spPr/>
      <dgm:t>
        <a:bodyPr/>
        <a:lstStyle/>
        <a:p>
          <a:endParaRPr lang="en-US"/>
        </a:p>
      </dgm:t>
    </dgm:pt>
    <dgm:pt modelId="{CF143BF9-76D1-4B1B-93CA-665B4AE54C35}" type="sibTrans" cxnId="{319556A5-6A02-46D9-A5A7-F9B1104FB8E3}">
      <dgm:prSet/>
      <dgm:spPr/>
      <dgm:t>
        <a:bodyPr/>
        <a:lstStyle/>
        <a:p>
          <a:endParaRPr lang="en-US"/>
        </a:p>
      </dgm:t>
    </dgm:pt>
    <dgm:pt modelId="{7FEEA2B0-A2F8-4515-9209-052A471F441C}">
      <dgm:prSet/>
      <dgm:spPr/>
      <dgm:t>
        <a:bodyPr/>
        <a:lstStyle/>
        <a:p>
          <a:r>
            <a:rPr lang="en-GB" dirty="0"/>
            <a:t>Assessment of sectoral technology competitiveness can guide policy makers to crucial areas and technologies in need of funding.</a:t>
          </a:r>
          <a:endParaRPr lang="en-US" dirty="0"/>
        </a:p>
      </dgm:t>
    </dgm:pt>
    <dgm:pt modelId="{5E9B7CF8-0409-4D10-8E65-0158180B5F11}" type="parTrans" cxnId="{3A2467F1-1E29-44E2-9886-13D6913A8DF2}">
      <dgm:prSet/>
      <dgm:spPr/>
      <dgm:t>
        <a:bodyPr/>
        <a:lstStyle/>
        <a:p>
          <a:endParaRPr lang="en-US"/>
        </a:p>
      </dgm:t>
    </dgm:pt>
    <dgm:pt modelId="{AF799F26-AC50-4230-B33D-6B0A9017CABD}" type="sibTrans" cxnId="{3A2467F1-1E29-44E2-9886-13D6913A8DF2}">
      <dgm:prSet/>
      <dgm:spPr/>
      <dgm:t>
        <a:bodyPr/>
        <a:lstStyle/>
        <a:p>
          <a:endParaRPr lang="en-US"/>
        </a:p>
      </dgm:t>
    </dgm:pt>
    <dgm:pt modelId="{E3A5FB34-7AB3-4F7A-9A59-10A2DD3668E0}">
      <dgm:prSet/>
      <dgm:spPr/>
      <dgm:t>
        <a:bodyPr/>
        <a:lstStyle/>
        <a:p>
          <a:r>
            <a:rPr lang="en-GB" dirty="0"/>
            <a:t>By quantifying the competitiveness gap, the level of funding required can also be estimated.</a:t>
          </a:r>
          <a:endParaRPr lang="en-US" dirty="0"/>
        </a:p>
      </dgm:t>
    </dgm:pt>
    <dgm:pt modelId="{283DE138-5D3C-4633-8652-1A333FD92621}" type="parTrans" cxnId="{AB391696-22A8-4EF2-941D-09458507F83B}">
      <dgm:prSet/>
      <dgm:spPr/>
      <dgm:t>
        <a:bodyPr/>
        <a:lstStyle/>
        <a:p>
          <a:endParaRPr lang="en-US"/>
        </a:p>
      </dgm:t>
    </dgm:pt>
    <dgm:pt modelId="{E17B94E3-C8BA-4833-A0F6-F34F9D2F643E}" type="sibTrans" cxnId="{AB391696-22A8-4EF2-941D-09458507F83B}">
      <dgm:prSet/>
      <dgm:spPr/>
      <dgm:t>
        <a:bodyPr/>
        <a:lstStyle/>
        <a:p>
          <a:endParaRPr lang="en-US"/>
        </a:p>
      </dgm:t>
    </dgm:pt>
    <dgm:pt modelId="{718161B8-029F-4798-AAAE-071A3DBF284D}">
      <dgm:prSet/>
      <dgm:spPr/>
      <dgm:t>
        <a:bodyPr/>
        <a:lstStyle/>
        <a:p>
          <a:r>
            <a:rPr lang="en-US" dirty="0"/>
            <a:t>Policy perspective</a:t>
          </a:r>
        </a:p>
      </dgm:t>
    </dgm:pt>
    <dgm:pt modelId="{02B5CB91-67B8-4724-9382-30B09FC6A6CD}" type="parTrans" cxnId="{482103E4-C41C-43EC-886E-7C2FC7DABAB6}">
      <dgm:prSet/>
      <dgm:spPr/>
      <dgm:t>
        <a:bodyPr/>
        <a:lstStyle/>
        <a:p>
          <a:endParaRPr lang="da-DK"/>
        </a:p>
      </dgm:t>
    </dgm:pt>
    <dgm:pt modelId="{FE3CB999-A446-4C7F-A39D-80BFAE71AB88}" type="sibTrans" cxnId="{482103E4-C41C-43EC-886E-7C2FC7DABAB6}">
      <dgm:prSet/>
      <dgm:spPr/>
      <dgm:t>
        <a:bodyPr/>
        <a:lstStyle/>
        <a:p>
          <a:endParaRPr lang="da-DK"/>
        </a:p>
      </dgm:t>
    </dgm:pt>
    <dgm:pt modelId="{BA67774C-1E95-44FD-A9EC-B8B235810B67}">
      <dgm:prSet/>
      <dgm:spPr/>
      <dgm:t>
        <a:bodyPr/>
        <a:lstStyle/>
        <a:p>
          <a:r>
            <a:rPr lang="en-US" dirty="0"/>
            <a:t>The investor perspective</a:t>
          </a:r>
        </a:p>
      </dgm:t>
    </dgm:pt>
    <dgm:pt modelId="{40FCFE95-EE5F-4C3F-8765-D4DCD8232D19}" type="parTrans" cxnId="{1FDC96A5-0BF1-4A35-BD6A-DC4F478C00B6}">
      <dgm:prSet/>
      <dgm:spPr/>
      <dgm:t>
        <a:bodyPr/>
        <a:lstStyle/>
        <a:p>
          <a:endParaRPr lang="da-DK"/>
        </a:p>
      </dgm:t>
    </dgm:pt>
    <dgm:pt modelId="{5ABF3906-322A-4A93-BC82-CAC123C1B5DE}" type="sibTrans" cxnId="{1FDC96A5-0BF1-4A35-BD6A-DC4F478C00B6}">
      <dgm:prSet/>
      <dgm:spPr/>
      <dgm:t>
        <a:bodyPr/>
        <a:lstStyle/>
        <a:p>
          <a:endParaRPr lang="da-DK"/>
        </a:p>
      </dgm:t>
    </dgm:pt>
    <dgm:pt modelId="{4B4334EF-616D-483D-A707-D45B215E84CB}">
      <dgm:prSet/>
      <dgm:spPr/>
      <dgm:t>
        <a:bodyPr/>
        <a:lstStyle/>
        <a:p>
          <a:r>
            <a:rPr lang="en-GB" dirty="0"/>
            <a:t>Levelized costs drive long-term investment decisions in competitive markets.</a:t>
          </a:r>
          <a:endParaRPr lang="en-US" dirty="0"/>
        </a:p>
      </dgm:t>
    </dgm:pt>
    <dgm:pt modelId="{8ADD7C7B-9099-48BD-A11A-27FA44C84410}" type="parTrans" cxnId="{0BF26511-C7FD-4815-A95D-D5324F4495AC}">
      <dgm:prSet/>
      <dgm:spPr/>
      <dgm:t>
        <a:bodyPr/>
        <a:lstStyle/>
        <a:p>
          <a:endParaRPr lang="da-DK"/>
        </a:p>
      </dgm:t>
    </dgm:pt>
    <dgm:pt modelId="{2279E563-8982-40FD-B754-D3A1B962FB96}" type="sibTrans" cxnId="{0BF26511-C7FD-4815-A95D-D5324F4495AC}">
      <dgm:prSet/>
      <dgm:spPr/>
      <dgm:t>
        <a:bodyPr/>
        <a:lstStyle/>
        <a:p>
          <a:endParaRPr lang="da-DK"/>
        </a:p>
      </dgm:t>
    </dgm:pt>
    <dgm:pt modelId="{650BC4DB-54DC-413D-B501-2E9EAF958B71}">
      <dgm:prSet/>
      <dgm:spPr/>
      <dgm:t>
        <a:bodyPr/>
        <a:lstStyle/>
        <a:p>
          <a:r>
            <a:rPr lang="en-US" dirty="0"/>
            <a:t>Establishing a green hydrogen demand curve informs investors about off taker prospects.</a:t>
          </a:r>
        </a:p>
      </dgm:t>
    </dgm:pt>
    <dgm:pt modelId="{425DB893-2E3E-45A2-982F-7596463CA1D7}" type="parTrans" cxnId="{DCA65E9E-A80B-4CF3-834B-F8104082E2A4}">
      <dgm:prSet/>
      <dgm:spPr/>
      <dgm:t>
        <a:bodyPr/>
        <a:lstStyle/>
        <a:p>
          <a:endParaRPr lang="da-DK"/>
        </a:p>
      </dgm:t>
    </dgm:pt>
    <dgm:pt modelId="{5C4A617C-8C8A-44D0-AABA-8798BB4418C7}" type="sibTrans" cxnId="{DCA65E9E-A80B-4CF3-834B-F8104082E2A4}">
      <dgm:prSet/>
      <dgm:spPr/>
      <dgm:t>
        <a:bodyPr/>
        <a:lstStyle/>
        <a:p>
          <a:endParaRPr lang="da-DK"/>
        </a:p>
      </dgm:t>
    </dgm:pt>
    <dgm:pt modelId="{F889D00C-BA18-4D34-9C44-96240652743B}">
      <dgm:prSet/>
      <dgm:spPr/>
      <dgm:t>
        <a:bodyPr/>
        <a:lstStyle/>
        <a:p>
          <a:r>
            <a:rPr lang="en-US" dirty="0"/>
            <a:t>By correctly assessing the impacts of implemented policies such as the ETS, no-regret investments in non-renewable technologies can be deterred.</a:t>
          </a:r>
        </a:p>
      </dgm:t>
    </dgm:pt>
    <dgm:pt modelId="{D4EC0647-FC63-4773-B08D-EAF6E9120D7C}" type="parTrans" cxnId="{B44E2C71-3D10-48F5-B84C-620585E4D2F1}">
      <dgm:prSet/>
      <dgm:spPr/>
      <dgm:t>
        <a:bodyPr/>
        <a:lstStyle/>
        <a:p>
          <a:endParaRPr lang="da-DK"/>
        </a:p>
      </dgm:t>
    </dgm:pt>
    <dgm:pt modelId="{78BAD8B7-6D4C-4307-962D-F1EE54312BC6}" type="sibTrans" cxnId="{B44E2C71-3D10-48F5-B84C-620585E4D2F1}">
      <dgm:prSet/>
      <dgm:spPr/>
      <dgm:t>
        <a:bodyPr/>
        <a:lstStyle/>
        <a:p>
          <a:endParaRPr lang="da-DK"/>
        </a:p>
      </dgm:t>
    </dgm:pt>
    <dgm:pt modelId="{72FE5C9A-29BA-42F9-9385-7BB583792F07}">
      <dgm:prSet/>
      <dgm:spPr/>
      <dgm:t>
        <a:bodyPr/>
        <a:lstStyle/>
        <a:p>
          <a:r>
            <a:rPr lang="en-GB" dirty="0"/>
            <a:t>The green energy transition in hard-to-abate sectors have ambitious goals in EU’s net zero 2050 targets.</a:t>
          </a:r>
          <a:endParaRPr lang="en-US" dirty="0"/>
        </a:p>
      </dgm:t>
    </dgm:pt>
    <dgm:pt modelId="{0F4031C2-8B4D-499D-8927-492B8404AAD6}" type="parTrans" cxnId="{F41C5D29-054A-45E0-A3B5-0029E837B7D0}">
      <dgm:prSet/>
      <dgm:spPr/>
      <dgm:t>
        <a:bodyPr/>
        <a:lstStyle/>
        <a:p>
          <a:endParaRPr lang="da-DK"/>
        </a:p>
      </dgm:t>
    </dgm:pt>
    <dgm:pt modelId="{258A369B-8570-4535-9942-58C877AC8908}" type="sibTrans" cxnId="{F41C5D29-054A-45E0-A3B5-0029E837B7D0}">
      <dgm:prSet/>
      <dgm:spPr/>
      <dgm:t>
        <a:bodyPr/>
        <a:lstStyle/>
        <a:p>
          <a:endParaRPr lang="da-DK"/>
        </a:p>
      </dgm:t>
    </dgm:pt>
    <dgm:pt modelId="{BD9A1868-4536-4F51-BF1D-892BCF774D93}" type="pres">
      <dgm:prSet presAssocID="{F6DE8E78-43C0-46D9-B117-5ADF7660257B}" presName="theList" presStyleCnt="0">
        <dgm:presLayoutVars>
          <dgm:dir/>
          <dgm:animLvl val="lvl"/>
          <dgm:resizeHandles val="exact"/>
        </dgm:presLayoutVars>
      </dgm:prSet>
      <dgm:spPr/>
    </dgm:pt>
    <dgm:pt modelId="{99478FE0-3CAE-48A8-8A86-5BF29A546CAE}" type="pres">
      <dgm:prSet presAssocID="{718161B8-029F-4798-AAAE-071A3DBF284D}" presName="compNode" presStyleCnt="0"/>
      <dgm:spPr/>
    </dgm:pt>
    <dgm:pt modelId="{BB6E7887-2E22-4BC4-B177-F50E249319BE}" type="pres">
      <dgm:prSet presAssocID="{718161B8-029F-4798-AAAE-071A3DBF284D}" presName="aNode" presStyleLbl="bgShp" presStyleIdx="0" presStyleCnt="2"/>
      <dgm:spPr/>
    </dgm:pt>
    <dgm:pt modelId="{C7665A16-0FE6-46D0-B612-4F3A0947475C}" type="pres">
      <dgm:prSet presAssocID="{718161B8-029F-4798-AAAE-071A3DBF284D}" presName="textNode" presStyleLbl="bgShp" presStyleIdx="0" presStyleCnt="2"/>
      <dgm:spPr/>
    </dgm:pt>
    <dgm:pt modelId="{15F82B61-94E5-46DF-9F0D-1E207BBD74D9}" type="pres">
      <dgm:prSet presAssocID="{718161B8-029F-4798-AAAE-071A3DBF284D}" presName="compChildNode" presStyleCnt="0"/>
      <dgm:spPr/>
    </dgm:pt>
    <dgm:pt modelId="{3BB72478-B426-48AC-8927-095534AC8B4A}" type="pres">
      <dgm:prSet presAssocID="{718161B8-029F-4798-AAAE-071A3DBF284D}" presName="theInnerList" presStyleCnt="0"/>
      <dgm:spPr/>
    </dgm:pt>
    <dgm:pt modelId="{6E38B1B3-B837-42F2-AB54-DD31E7CEF1E1}" type="pres">
      <dgm:prSet presAssocID="{72FE5C9A-29BA-42F9-9385-7BB583792F07}" presName="childNode" presStyleLbl="node1" presStyleIdx="0" presStyleCnt="7">
        <dgm:presLayoutVars>
          <dgm:bulletEnabled val="1"/>
        </dgm:presLayoutVars>
      </dgm:prSet>
      <dgm:spPr/>
    </dgm:pt>
    <dgm:pt modelId="{CCE05915-5EBB-4381-B26F-2E8FACDC87C2}" type="pres">
      <dgm:prSet presAssocID="{72FE5C9A-29BA-42F9-9385-7BB583792F07}" presName="aSpace2" presStyleCnt="0"/>
      <dgm:spPr/>
    </dgm:pt>
    <dgm:pt modelId="{BDEBA654-6C4C-49F7-B8DB-D54F9BFCCEE7}" type="pres">
      <dgm:prSet presAssocID="{4CCB4173-3514-4A51-B57C-5C971525E6E7}" presName="childNode" presStyleLbl="node1" presStyleIdx="1" presStyleCnt="7">
        <dgm:presLayoutVars>
          <dgm:bulletEnabled val="1"/>
        </dgm:presLayoutVars>
      </dgm:prSet>
      <dgm:spPr/>
    </dgm:pt>
    <dgm:pt modelId="{8BD1B705-02F8-47CA-BC9E-8AA4310355D0}" type="pres">
      <dgm:prSet presAssocID="{4CCB4173-3514-4A51-B57C-5C971525E6E7}" presName="aSpace2" presStyleCnt="0"/>
      <dgm:spPr/>
    </dgm:pt>
    <dgm:pt modelId="{C14B637C-3DBF-4BD1-817E-860B95390B82}" type="pres">
      <dgm:prSet presAssocID="{7FEEA2B0-A2F8-4515-9209-052A471F441C}" presName="childNode" presStyleLbl="node1" presStyleIdx="2" presStyleCnt="7">
        <dgm:presLayoutVars>
          <dgm:bulletEnabled val="1"/>
        </dgm:presLayoutVars>
      </dgm:prSet>
      <dgm:spPr/>
    </dgm:pt>
    <dgm:pt modelId="{9E860687-9ABA-46FB-9153-26932E80BA34}" type="pres">
      <dgm:prSet presAssocID="{7FEEA2B0-A2F8-4515-9209-052A471F441C}" presName="aSpace2" presStyleCnt="0"/>
      <dgm:spPr/>
    </dgm:pt>
    <dgm:pt modelId="{91852BF0-9EEA-423A-9A58-A5E7753DC739}" type="pres">
      <dgm:prSet presAssocID="{E3A5FB34-7AB3-4F7A-9A59-10A2DD3668E0}" presName="childNode" presStyleLbl="node1" presStyleIdx="3" presStyleCnt="7">
        <dgm:presLayoutVars>
          <dgm:bulletEnabled val="1"/>
        </dgm:presLayoutVars>
      </dgm:prSet>
      <dgm:spPr/>
    </dgm:pt>
    <dgm:pt modelId="{31566C98-1127-46F0-BA4F-F14F3D980FA0}" type="pres">
      <dgm:prSet presAssocID="{718161B8-029F-4798-AAAE-071A3DBF284D}" presName="aSpace" presStyleCnt="0"/>
      <dgm:spPr/>
    </dgm:pt>
    <dgm:pt modelId="{A99AD1DA-369F-42D4-A892-6E3E1CC8846E}" type="pres">
      <dgm:prSet presAssocID="{BA67774C-1E95-44FD-A9EC-B8B235810B67}" presName="compNode" presStyleCnt="0"/>
      <dgm:spPr/>
    </dgm:pt>
    <dgm:pt modelId="{169004A3-8B6C-4240-A787-02B8789B7440}" type="pres">
      <dgm:prSet presAssocID="{BA67774C-1E95-44FD-A9EC-B8B235810B67}" presName="aNode" presStyleLbl="bgShp" presStyleIdx="1" presStyleCnt="2"/>
      <dgm:spPr/>
    </dgm:pt>
    <dgm:pt modelId="{BD15E967-4B49-4159-BF7F-1AD928564BE7}" type="pres">
      <dgm:prSet presAssocID="{BA67774C-1E95-44FD-A9EC-B8B235810B67}" presName="textNode" presStyleLbl="bgShp" presStyleIdx="1" presStyleCnt="2"/>
      <dgm:spPr/>
    </dgm:pt>
    <dgm:pt modelId="{362D9C71-166C-4B61-8A90-8B974EFDAC99}" type="pres">
      <dgm:prSet presAssocID="{BA67774C-1E95-44FD-A9EC-B8B235810B67}" presName="compChildNode" presStyleCnt="0"/>
      <dgm:spPr/>
    </dgm:pt>
    <dgm:pt modelId="{632FCFE4-2EFE-4163-876C-DDC8832E4469}" type="pres">
      <dgm:prSet presAssocID="{BA67774C-1E95-44FD-A9EC-B8B235810B67}" presName="theInnerList" presStyleCnt="0"/>
      <dgm:spPr/>
    </dgm:pt>
    <dgm:pt modelId="{1B9DEF51-66A5-4740-8DA2-69AB55693F5A}" type="pres">
      <dgm:prSet presAssocID="{4B4334EF-616D-483D-A707-D45B215E84CB}" presName="childNode" presStyleLbl="node1" presStyleIdx="4" presStyleCnt="7">
        <dgm:presLayoutVars>
          <dgm:bulletEnabled val="1"/>
        </dgm:presLayoutVars>
      </dgm:prSet>
      <dgm:spPr/>
    </dgm:pt>
    <dgm:pt modelId="{465B794E-FF89-4595-B3E7-2B5C26243416}" type="pres">
      <dgm:prSet presAssocID="{4B4334EF-616D-483D-A707-D45B215E84CB}" presName="aSpace2" presStyleCnt="0"/>
      <dgm:spPr/>
    </dgm:pt>
    <dgm:pt modelId="{F5C3A4A8-B5F1-4A6C-90EE-3CBEAFDC830A}" type="pres">
      <dgm:prSet presAssocID="{650BC4DB-54DC-413D-B501-2E9EAF958B71}" presName="childNode" presStyleLbl="node1" presStyleIdx="5" presStyleCnt="7">
        <dgm:presLayoutVars>
          <dgm:bulletEnabled val="1"/>
        </dgm:presLayoutVars>
      </dgm:prSet>
      <dgm:spPr/>
    </dgm:pt>
    <dgm:pt modelId="{12BDA3D5-5A66-41B7-B776-0EEB17689E3B}" type="pres">
      <dgm:prSet presAssocID="{650BC4DB-54DC-413D-B501-2E9EAF958B71}" presName="aSpace2" presStyleCnt="0"/>
      <dgm:spPr/>
    </dgm:pt>
    <dgm:pt modelId="{AD2D5099-E802-42CD-B6B9-D5AD004126A7}" type="pres">
      <dgm:prSet presAssocID="{F889D00C-BA18-4D34-9C44-96240652743B}" presName="childNode" presStyleLbl="node1" presStyleIdx="6" presStyleCnt="7">
        <dgm:presLayoutVars>
          <dgm:bulletEnabled val="1"/>
        </dgm:presLayoutVars>
      </dgm:prSet>
      <dgm:spPr/>
    </dgm:pt>
  </dgm:ptLst>
  <dgm:cxnLst>
    <dgm:cxn modelId="{0BF26511-C7FD-4815-A95D-D5324F4495AC}" srcId="{BA67774C-1E95-44FD-A9EC-B8B235810B67}" destId="{4B4334EF-616D-483D-A707-D45B215E84CB}" srcOrd="0" destOrd="0" parTransId="{8ADD7C7B-9099-48BD-A11A-27FA44C84410}" sibTransId="{2279E563-8982-40FD-B754-D3A1B962FB96}"/>
    <dgm:cxn modelId="{C91EBB17-5F7F-4DE5-8988-E5F8F51020A5}" type="presOf" srcId="{4B4334EF-616D-483D-A707-D45B215E84CB}" destId="{1B9DEF51-66A5-4740-8DA2-69AB55693F5A}" srcOrd="0" destOrd="0" presId="urn:microsoft.com/office/officeart/2005/8/layout/lProcess2"/>
    <dgm:cxn modelId="{9EF6891F-9C26-45B7-ACE1-BD889DB55B04}" type="presOf" srcId="{F889D00C-BA18-4D34-9C44-96240652743B}" destId="{AD2D5099-E802-42CD-B6B9-D5AD004126A7}" srcOrd="0" destOrd="0" presId="urn:microsoft.com/office/officeart/2005/8/layout/lProcess2"/>
    <dgm:cxn modelId="{F41C5D29-054A-45E0-A3B5-0029E837B7D0}" srcId="{718161B8-029F-4798-AAAE-071A3DBF284D}" destId="{72FE5C9A-29BA-42F9-9385-7BB583792F07}" srcOrd="0" destOrd="0" parTransId="{0F4031C2-8B4D-499D-8927-492B8404AAD6}" sibTransId="{258A369B-8570-4535-9942-58C877AC8908}"/>
    <dgm:cxn modelId="{DBE88B70-B3D4-4B99-8826-33DE442A6A8F}" type="presOf" srcId="{4CCB4173-3514-4A51-B57C-5C971525E6E7}" destId="{BDEBA654-6C4C-49F7-B8DB-D54F9BFCCEE7}" srcOrd="0" destOrd="0" presId="urn:microsoft.com/office/officeart/2005/8/layout/lProcess2"/>
    <dgm:cxn modelId="{C5000871-7B41-4BDB-B9F9-7D35B54BB909}" type="presOf" srcId="{BA67774C-1E95-44FD-A9EC-B8B235810B67}" destId="{BD15E967-4B49-4159-BF7F-1AD928564BE7}" srcOrd="1" destOrd="0" presId="urn:microsoft.com/office/officeart/2005/8/layout/lProcess2"/>
    <dgm:cxn modelId="{B44E2C71-3D10-48F5-B84C-620585E4D2F1}" srcId="{BA67774C-1E95-44FD-A9EC-B8B235810B67}" destId="{F889D00C-BA18-4D34-9C44-96240652743B}" srcOrd="2" destOrd="0" parTransId="{D4EC0647-FC63-4773-B08D-EAF6E9120D7C}" sibTransId="{78BAD8B7-6D4C-4307-962D-F1EE54312BC6}"/>
    <dgm:cxn modelId="{C095935A-6D5E-4A30-B834-F909A0ED72E6}" type="presOf" srcId="{BA67774C-1E95-44FD-A9EC-B8B235810B67}" destId="{169004A3-8B6C-4240-A787-02B8789B7440}" srcOrd="0" destOrd="0" presId="urn:microsoft.com/office/officeart/2005/8/layout/lProcess2"/>
    <dgm:cxn modelId="{D6059F83-6F29-4088-B917-1BC2CEAC85D5}" type="presOf" srcId="{F6DE8E78-43C0-46D9-B117-5ADF7660257B}" destId="{BD9A1868-4536-4F51-BF1D-892BCF774D93}" srcOrd="0" destOrd="0" presId="urn:microsoft.com/office/officeart/2005/8/layout/lProcess2"/>
    <dgm:cxn modelId="{CC995A86-0858-4AF7-8D47-626A5239528C}" type="presOf" srcId="{7FEEA2B0-A2F8-4515-9209-052A471F441C}" destId="{C14B637C-3DBF-4BD1-817E-860B95390B82}" srcOrd="0" destOrd="0" presId="urn:microsoft.com/office/officeart/2005/8/layout/lProcess2"/>
    <dgm:cxn modelId="{AB391696-22A8-4EF2-941D-09458507F83B}" srcId="{718161B8-029F-4798-AAAE-071A3DBF284D}" destId="{E3A5FB34-7AB3-4F7A-9A59-10A2DD3668E0}" srcOrd="3" destOrd="0" parTransId="{283DE138-5D3C-4633-8652-1A333FD92621}" sibTransId="{E17B94E3-C8BA-4833-A0F6-F34F9D2F643E}"/>
    <dgm:cxn modelId="{DCA65E9E-A80B-4CF3-834B-F8104082E2A4}" srcId="{BA67774C-1E95-44FD-A9EC-B8B235810B67}" destId="{650BC4DB-54DC-413D-B501-2E9EAF958B71}" srcOrd="1" destOrd="0" parTransId="{425DB893-2E3E-45A2-982F-7596463CA1D7}" sibTransId="{5C4A617C-8C8A-44D0-AABA-8798BB4418C7}"/>
    <dgm:cxn modelId="{319556A5-6A02-46D9-A5A7-F9B1104FB8E3}" srcId="{718161B8-029F-4798-AAAE-071A3DBF284D}" destId="{4CCB4173-3514-4A51-B57C-5C971525E6E7}" srcOrd="1" destOrd="0" parTransId="{DD60A1B8-A307-4EC4-931F-90158C5D85DB}" sibTransId="{CF143BF9-76D1-4B1B-93CA-665B4AE54C35}"/>
    <dgm:cxn modelId="{1FDC96A5-0BF1-4A35-BD6A-DC4F478C00B6}" srcId="{F6DE8E78-43C0-46D9-B117-5ADF7660257B}" destId="{BA67774C-1E95-44FD-A9EC-B8B235810B67}" srcOrd="1" destOrd="0" parTransId="{40FCFE95-EE5F-4C3F-8765-D4DCD8232D19}" sibTransId="{5ABF3906-322A-4A93-BC82-CAC123C1B5DE}"/>
    <dgm:cxn modelId="{A6B172CA-7C3F-457B-B27F-0A4946D2E3F8}" type="presOf" srcId="{718161B8-029F-4798-AAAE-071A3DBF284D}" destId="{C7665A16-0FE6-46D0-B612-4F3A0947475C}" srcOrd="1" destOrd="0" presId="urn:microsoft.com/office/officeart/2005/8/layout/lProcess2"/>
    <dgm:cxn modelId="{912E47D5-174E-49AE-9C9C-E42906947A75}" type="presOf" srcId="{E3A5FB34-7AB3-4F7A-9A59-10A2DD3668E0}" destId="{91852BF0-9EEA-423A-9A58-A5E7753DC739}" srcOrd="0" destOrd="0" presId="urn:microsoft.com/office/officeart/2005/8/layout/lProcess2"/>
    <dgm:cxn modelId="{88F928D8-4F20-4B0D-8FCD-D81E0777C4AD}" type="presOf" srcId="{72FE5C9A-29BA-42F9-9385-7BB583792F07}" destId="{6E38B1B3-B837-42F2-AB54-DD31E7CEF1E1}" srcOrd="0" destOrd="0" presId="urn:microsoft.com/office/officeart/2005/8/layout/lProcess2"/>
    <dgm:cxn modelId="{0DD9A3E1-16CA-4209-830D-3CE30838E8A2}" type="presOf" srcId="{718161B8-029F-4798-AAAE-071A3DBF284D}" destId="{BB6E7887-2E22-4BC4-B177-F50E249319BE}" srcOrd="0" destOrd="0" presId="urn:microsoft.com/office/officeart/2005/8/layout/lProcess2"/>
    <dgm:cxn modelId="{482103E4-C41C-43EC-886E-7C2FC7DABAB6}" srcId="{F6DE8E78-43C0-46D9-B117-5ADF7660257B}" destId="{718161B8-029F-4798-AAAE-071A3DBF284D}" srcOrd="0" destOrd="0" parTransId="{02B5CB91-67B8-4724-9382-30B09FC6A6CD}" sibTransId="{FE3CB999-A446-4C7F-A39D-80BFAE71AB88}"/>
    <dgm:cxn modelId="{3A2467F1-1E29-44E2-9886-13D6913A8DF2}" srcId="{718161B8-029F-4798-AAAE-071A3DBF284D}" destId="{7FEEA2B0-A2F8-4515-9209-052A471F441C}" srcOrd="2" destOrd="0" parTransId="{5E9B7CF8-0409-4D10-8E65-0158180B5F11}" sibTransId="{AF799F26-AC50-4230-B33D-6B0A9017CABD}"/>
    <dgm:cxn modelId="{298F2DF6-338D-4B54-8632-4DA5915E79A8}" type="presOf" srcId="{650BC4DB-54DC-413D-B501-2E9EAF958B71}" destId="{F5C3A4A8-B5F1-4A6C-90EE-3CBEAFDC830A}" srcOrd="0" destOrd="0" presId="urn:microsoft.com/office/officeart/2005/8/layout/lProcess2"/>
    <dgm:cxn modelId="{860401EA-F774-4266-83CF-F95A36E10640}" type="presParOf" srcId="{BD9A1868-4536-4F51-BF1D-892BCF774D93}" destId="{99478FE0-3CAE-48A8-8A86-5BF29A546CAE}" srcOrd="0" destOrd="0" presId="urn:microsoft.com/office/officeart/2005/8/layout/lProcess2"/>
    <dgm:cxn modelId="{71AF6620-9925-4F22-838C-FE56206E49C8}" type="presParOf" srcId="{99478FE0-3CAE-48A8-8A86-5BF29A546CAE}" destId="{BB6E7887-2E22-4BC4-B177-F50E249319BE}" srcOrd="0" destOrd="0" presId="urn:microsoft.com/office/officeart/2005/8/layout/lProcess2"/>
    <dgm:cxn modelId="{9832C2FD-8F19-4AC3-8773-494EB418EE2F}" type="presParOf" srcId="{99478FE0-3CAE-48A8-8A86-5BF29A546CAE}" destId="{C7665A16-0FE6-46D0-B612-4F3A0947475C}" srcOrd="1" destOrd="0" presId="urn:microsoft.com/office/officeart/2005/8/layout/lProcess2"/>
    <dgm:cxn modelId="{4A053F42-9442-436B-AFF7-C3D59F764D1A}" type="presParOf" srcId="{99478FE0-3CAE-48A8-8A86-5BF29A546CAE}" destId="{15F82B61-94E5-46DF-9F0D-1E207BBD74D9}" srcOrd="2" destOrd="0" presId="urn:microsoft.com/office/officeart/2005/8/layout/lProcess2"/>
    <dgm:cxn modelId="{949A4F0D-87CC-40C2-B8A0-360BDCD38798}" type="presParOf" srcId="{15F82B61-94E5-46DF-9F0D-1E207BBD74D9}" destId="{3BB72478-B426-48AC-8927-095534AC8B4A}" srcOrd="0" destOrd="0" presId="urn:microsoft.com/office/officeart/2005/8/layout/lProcess2"/>
    <dgm:cxn modelId="{07411F3D-C58E-4A16-8FBE-293E4DA5B29E}" type="presParOf" srcId="{3BB72478-B426-48AC-8927-095534AC8B4A}" destId="{6E38B1B3-B837-42F2-AB54-DD31E7CEF1E1}" srcOrd="0" destOrd="0" presId="urn:microsoft.com/office/officeart/2005/8/layout/lProcess2"/>
    <dgm:cxn modelId="{038E594F-9978-42D3-A65E-0BFF6698B0CB}" type="presParOf" srcId="{3BB72478-B426-48AC-8927-095534AC8B4A}" destId="{CCE05915-5EBB-4381-B26F-2E8FACDC87C2}" srcOrd="1" destOrd="0" presId="urn:microsoft.com/office/officeart/2005/8/layout/lProcess2"/>
    <dgm:cxn modelId="{F4B3E055-2D86-4D81-A338-3CBCC3DD31B7}" type="presParOf" srcId="{3BB72478-B426-48AC-8927-095534AC8B4A}" destId="{BDEBA654-6C4C-49F7-B8DB-D54F9BFCCEE7}" srcOrd="2" destOrd="0" presId="urn:microsoft.com/office/officeart/2005/8/layout/lProcess2"/>
    <dgm:cxn modelId="{6BAD640B-E30A-43ED-AB3B-3287E6E0AEC5}" type="presParOf" srcId="{3BB72478-B426-48AC-8927-095534AC8B4A}" destId="{8BD1B705-02F8-47CA-BC9E-8AA4310355D0}" srcOrd="3" destOrd="0" presId="urn:microsoft.com/office/officeart/2005/8/layout/lProcess2"/>
    <dgm:cxn modelId="{9F672E1A-BA6A-41D7-BBCE-6118E80C8DE0}" type="presParOf" srcId="{3BB72478-B426-48AC-8927-095534AC8B4A}" destId="{C14B637C-3DBF-4BD1-817E-860B95390B82}" srcOrd="4" destOrd="0" presId="urn:microsoft.com/office/officeart/2005/8/layout/lProcess2"/>
    <dgm:cxn modelId="{952D4DEE-FEB3-45B6-922F-B2B5994F43FC}" type="presParOf" srcId="{3BB72478-B426-48AC-8927-095534AC8B4A}" destId="{9E860687-9ABA-46FB-9153-26932E80BA34}" srcOrd="5" destOrd="0" presId="urn:microsoft.com/office/officeart/2005/8/layout/lProcess2"/>
    <dgm:cxn modelId="{B7D49AAA-8B18-4EF1-B470-665F105CAC8F}" type="presParOf" srcId="{3BB72478-B426-48AC-8927-095534AC8B4A}" destId="{91852BF0-9EEA-423A-9A58-A5E7753DC739}" srcOrd="6" destOrd="0" presId="urn:microsoft.com/office/officeart/2005/8/layout/lProcess2"/>
    <dgm:cxn modelId="{D176CB50-0F72-442B-933A-B3CC482CBB6B}" type="presParOf" srcId="{BD9A1868-4536-4F51-BF1D-892BCF774D93}" destId="{31566C98-1127-46F0-BA4F-F14F3D980FA0}" srcOrd="1" destOrd="0" presId="urn:microsoft.com/office/officeart/2005/8/layout/lProcess2"/>
    <dgm:cxn modelId="{0601F4C5-CD86-4FDB-B751-533EEFFCAF98}" type="presParOf" srcId="{BD9A1868-4536-4F51-BF1D-892BCF774D93}" destId="{A99AD1DA-369F-42D4-A892-6E3E1CC8846E}" srcOrd="2" destOrd="0" presId="urn:microsoft.com/office/officeart/2005/8/layout/lProcess2"/>
    <dgm:cxn modelId="{5A9F719E-A4B7-4DBA-95DE-E56C0A769EDA}" type="presParOf" srcId="{A99AD1DA-369F-42D4-A892-6E3E1CC8846E}" destId="{169004A3-8B6C-4240-A787-02B8789B7440}" srcOrd="0" destOrd="0" presId="urn:microsoft.com/office/officeart/2005/8/layout/lProcess2"/>
    <dgm:cxn modelId="{53FEAD3A-0EA2-477E-B3A8-9F91769B0D44}" type="presParOf" srcId="{A99AD1DA-369F-42D4-A892-6E3E1CC8846E}" destId="{BD15E967-4B49-4159-BF7F-1AD928564BE7}" srcOrd="1" destOrd="0" presId="urn:microsoft.com/office/officeart/2005/8/layout/lProcess2"/>
    <dgm:cxn modelId="{74FED5E3-298B-4322-9803-DB16BE33EDFD}" type="presParOf" srcId="{A99AD1DA-369F-42D4-A892-6E3E1CC8846E}" destId="{362D9C71-166C-4B61-8A90-8B974EFDAC99}" srcOrd="2" destOrd="0" presId="urn:microsoft.com/office/officeart/2005/8/layout/lProcess2"/>
    <dgm:cxn modelId="{CFA3FE94-F8FF-4477-8FB4-76B1F18A6504}" type="presParOf" srcId="{362D9C71-166C-4B61-8A90-8B974EFDAC99}" destId="{632FCFE4-2EFE-4163-876C-DDC8832E4469}" srcOrd="0" destOrd="0" presId="urn:microsoft.com/office/officeart/2005/8/layout/lProcess2"/>
    <dgm:cxn modelId="{DAC675C7-41D2-4FA2-A4DF-EFD82D75E1B9}" type="presParOf" srcId="{632FCFE4-2EFE-4163-876C-DDC8832E4469}" destId="{1B9DEF51-66A5-4740-8DA2-69AB55693F5A}" srcOrd="0" destOrd="0" presId="urn:microsoft.com/office/officeart/2005/8/layout/lProcess2"/>
    <dgm:cxn modelId="{F2152EB0-9630-45EE-A47B-43349AEED46C}" type="presParOf" srcId="{632FCFE4-2EFE-4163-876C-DDC8832E4469}" destId="{465B794E-FF89-4595-B3E7-2B5C26243416}" srcOrd="1" destOrd="0" presId="urn:microsoft.com/office/officeart/2005/8/layout/lProcess2"/>
    <dgm:cxn modelId="{5D432F9C-FDD9-4FF1-8AA6-89181167BDB3}" type="presParOf" srcId="{632FCFE4-2EFE-4163-876C-DDC8832E4469}" destId="{F5C3A4A8-B5F1-4A6C-90EE-3CBEAFDC830A}" srcOrd="2" destOrd="0" presId="urn:microsoft.com/office/officeart/2005/8/layout/lProcess2"/>
    <dgm:cxn modelId="{62E28585-DD14-4A95-9FFF-52EB55CC490A}" type="presParOf" srcId="{632FCFE4-2EFE-4163-876C-DDC8832E4469}" destId="{12BDA3D5-5A66-41B7-B776-0EEB17689E3B}" srcOrd="3" destOrd="0" presId="urn:microsoft.com/office/officeart/2005/8/layout/lProcess2"/>
    <dgm:cxn modelId="{A27072DA-51A6-4D7C-BB17-7D1B09976CAC}" type="presParOf" srcId="{632FCFE4-2EFE-4163-876C-DDC8832E4469}" destId="{AD2D5099-E802-42CD-B6B9-D5AD004126A7}" srcOrd="4" destOrd="0" presId="urn:microsoft.com/office/officeart/2005/8/layout/lProcess2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C1B135E0-465F-4AEB-B5E9-2D205B5AE75E}" type="doc">
      <dgm:prSet loTypeId="urn:microsoft.com/office/officeart/2005/8/layout/list1" loCatId="list" qsTypeId="urn:microsoft.com/office/officeart/2005/8/quickstyle/simple4" qsCatId="simple" csTypeId="urn:microsoft.com/office/officeart/2005/8/colors/accent3_1" csCatId="accent3"/>
      <dgm:spPr/>
      <dgm:t>
        <a:bodyPr/>
        <a:lstStyle/>
        <a:p>
          <a:endParaRPr lang="en-US"/>
        </a:p>
      </dgm:t>
    </dgm:pt>
    <dgm:pt modelId="{9E875470-C865-40C9-BA2F-30B84820348D}">
      <dgm:prSet/>
      <dgm:spPr/>
      <dgm:t>
        <a:bodyPr/>
        <a:lstStyle/>
        <a:p>
          <a:r>
            <a:rPr lang="da-DK" dirty="0"/>
            <a:t>Focus is on the demand side of the transition to green hydrogen (and </a:t>
          </a:r>
          <a:r>
            <a:rPr lang="da-DK" dirty="0" err="1"/>
            <a:t>other</a:t>
          </a:r>
          <a:r>
            <a:rPr lang="da-DK" dirty="0"/>
            <a:t> </a:t>
          </a:r>
          <a:r>
            <a:rPr lang="da-DK" dirty="0" err="1"/>
            <a:t>renewable</a:t>
          </a:r>
          <a:r>
            <a:rPr lang="da-DK" dirty="0"/>
            <a:t>) </a:t>
          </a:r>
          <a:r>
            <a:rPr lang="da-DK" dirty="0" err="1"/>
            <a:t>technologies</a:t>
          </a:r>
          <a:r>
            <a:rPr lang="da-DK" dirty="0"/>
            <a:t>.</a:t>
          </a:r>
          <a:endParaRPr lang="en-US" dirty="0"/>
        </a:p>
      </dgm:t>
    </dgm:pt>
    <dgm:pt modelId="{3D5862D9-2053-42B0-AC68-8FE204FBA01E}" type="parTrans" cxnId="{C73025C1-84EF-42A3-9948-23FA70F1DAF6}">
      <dgm:prSet/>
      <dgm:spPr/>
      <dgm:t>
        <a:bodyPr/>
        <a:lstStyle/>
        <a:p>
          <a:endParaRPr lang="en-US"/>
        </a:p>
      </dgm:t>
    </dgm:pt>
    <dgm:pt modelId="{7936059F-1B8F-43F2-980E-C59715B5C563}" type="sibTrans" cxnId="{C73025C1-84EF-42A3-9948-23FA70F1DAF6}">
      <dgm:prSet/>
      <dgm:spPr/>
      <dgm:t>
        <a:bodyPr/>
        <a:lstStyle/>
        <a:p>
          <a:endParaRPr lang="en-US"/>
        </a:p>
      </dgm:t>
    </dgm:pt>
    <dgm:pt modelId="{2AFBDD6D-ED7C-4BC4-8FC7-A75317BA95B5}">
      <dgm:prSet/>
      <dgm:spPr/>
      <dgm:t>
        <a:bodyPr/>
        <a:lstStyle/>
        <a:p>
          <a:r>
            <a:rPr lang="en-GB" dirty="0"/>
            <a:t>A system dynamics investment model is built to assess investment flows based on levelized costs of competing technologies.</a:t>
          </a:r>
          <a:endParaRPr lang="en-US" dirty="0"/>
        </a:p>
      </dgm:t>
    </dgm:pt>
    <dgm:pt modelId="{2F42E29A-F504-43AE-BAE8-27F1BFE7E779}" type="parTrans" cxnId="{920C6800-EB83-4B57-9B2A-82BD87634412}">
      <dgm:prSet/>
      <dgm:spPr/>
      <dgm:t>
        <a:bodyPr/>
        <a:lstStyle/>
        <a:p>
          <a:endParaRPr lang="en-US"/>
        </a:p>
      </dgm:t>
    </dgm:pt>
    <dgm:pt modelId="{C102DF74-D9AF-4C7B-9DCD-7FB73274FD74}" type="sibTrans" cxnId="{920C6800-EB83-4B57-9B2A-82BD87634412}">
      <dgm:prSet/>
      <dgm:spPr/>
      <dgm:t>
        <a:bodyPr/>
        <a:lstStyle/>
        <a:p>
          <a:endParaRPr lang="en-US"/>
        </a:p>
      </dgm:t>
    </dgm:pt>
    <dgm:pt modelId="{BE0F0F7D-C6AA-47F7-A6E2-CA6C3D5C9516}">
      <dgm:prSet/>
      <dgm:spPr/>
      <dgm:t>
        <a:bodyPr/>
        <a:lstStyle/>
        <a:p>
          <a:r>
            <a:rPr lang="en-GB"/>
            <a:t>RQ proposals:</a:t>
          </a:r>
          <a:endParaRPr lang="en-US"/>
        </a:p>
      </dgm:t>
    </dgm:pt>
    <dgm:pt modelId="{EA7B4E21-5A34-4533-B7C0-499BDE622313}" type="parTrans" cxnId="{5349F887-A114-4B8C-A013-A4D4B3E553CC}">
      <dgm:prSet/>
      <dgm:spPr/>
      <dgm:t>
        <a:bodyPr/>
        <a:lstStyle/>
        <a:p>
          <a:endParaRPr lang="en-US"/>
        </a:p>
      </dgm:t>
    </dgm:pt>
    <dgm:pt modelId="{2FB73CC2-F652-4819-92DF-5D6D5DE18100}" type="sibTrans" cxnId="{5349F887-A114-4B8C-A013-A4D4B3E553CC}">
      <dgm:prSet/>
      <dgm:spPr/>
      <dgm:t>
        <a:bodyPr/>
        <a:lstStyle/>
        <a:p>
          <a:endParaRPr lang="en-US"/>
        </a:p>
      </dgm:t>
    </dgm:pt>
    <dgm:pt modelId="{22A33358-6284-4F6E-8D1D-1671457C2242}">
      <dgm:prSet/>
      <dgm:spPr/>
      <dgm:t>
        <a:bodyPr/>
        <a:lstStyle/>
        <a:p>
          <a:pPr>
            <a:lnSpc>
              <a:spcPct val="150000"/>
            </a:lnSpc>
          </a:pPr>
          <a:r>
            <a:rPr lang="da-DK" dirty="0" err="1"/>
            <a:t>What</a:t>
          </a:r>
          <a:r>
            <a:rPr lang="da-DK" dirty="0"/>
            <a:t> </a:t>
          </a:r>
          <a:r>
            <a:rPr lang="da-DK" dirty="0" err="1"/>
            <a:t>level</a:t>
          </a:r>
          <a:r>
            <a:rPr lang="da-DK" dirty="0"/>
            <a:t> of diffusion of green hydrogen </a:t>
          </a:r>
          <a:r>
            <a:rPr lang="da-DK" dirty="0" err="1"/>
            <a:t>technologies</a:t>
          </a:r>
          <a:r>
            <a:rPr lang="da-DK" dirty="0"/>
            <a:t> </a:t>
          </a:r>
          <a:r>
            <a:rPr lang="da-DK" dirty="0" err="1"/>
            <a:t>can</a:t>
          </a:r>
          <a:r>
            <a:rPr lang="da-DK" dirty="0"/>
            <a:t> </a:t>
          </a:r>
          <a:r>
            <a:rPr lang="da-DK" dirty="0" err="1"/>
            <a:t>we</a:t>
          </a:r>
          <a:r>
            <a:rPr lang="da-DK" dirty="0"/>
            <a:t> </a:t>
          </a:r>
          <a:r>
            <a:rPr lang="da-DK" dirty="0" err="1"/>
            <a:t>expect</a:t>
          </a:r>
          <a:r>
            <a:rPr lang="da-DK" dirty="0"/>
            <a:t> in European </a:t>
          </a:r>
          <a:r>
            <a:rPr lang="da-DK" dirty="0" err="1"/>
            <a:t>industry</a:t>
          </a:r>
          <a:r>
            <a:rPr lang="da-DK" dirty="0"/>
            <a:t> and </a:t>
          </a:r>
          <a:r>
            <a:rPr lang="en-US" noProof="0" dirty="0"/>
            <a:t>transport</a:t>
          </a:r>
          <a:r>
            <a:rPr lang="da-DK" dirty="0"/>
            <a:t> </a:t>
          </a:r>
          <a:r>
            <a:rPr lang="en-GB" noProof="0" dirty="0"/>
            <a:t>sectors</a:t>
          </a:r>
          <a:r>
            <a:rPr lang="da-DK" dirty="0"/>
            <a:t>?</a:t>
          </a:r>
          <a:endParaRPr lang="en-US" dirty="0"/>
        </a:p>
      </dgm:t>
    </dgm:pt>
    <dgm:pt modelId="{064989E2-BBCC-4BDC-873B-E348B9A28EBE}" type="parTrans" cxnId="{F895FA9E-0E2B-433C-B91A-39EABEDCF21F}">
      <dgm:prSet/>
      <dgm:spPr/>
      <dgm:t>
        <a:bodyPr/>
        <a:lstStyle/>
        <a:p>
          <a:endParaRPr lang="en-US"/>
        </a:p>
      </dgm:t>
    </dgm:pt>
    <dgm:pt modelId="{6DAC7E3E-D1DD-4F17-ACA8-93B97D4EA9A3}" type="sibTrans" cxnId="{F895FA9E-0E2B-433C-B91A-39EABEDCF21F}">
      <dgm:prSet/>
      <dgm:spPr/>
      <dgm:t>
        <a:bodyPr/>
        <a:lstStyle/>
        <a:p>
          <a:endParaRPr lang="en-US"/>
        </a:p>
      </dgm:t>
    </dgm:pt>
    <dgm:pt modelId="{F810E29A-333B-4B77-B1EE-3B4E87632D99}">
      <dgm:prSet/>
      <dgm:spPr/>
      <dgm:t>
        <a:bodyPr/>
        <a:lstStyle/>
        <a:p>
          <a:pPr>
            <a:lnSpc>
              <a:spcPct val="150000"/>
            </a:lnSpc>
          </a:pPr>
          <a:r>
            <a:rPr lang="da-DK" dirty="0"/>
            <a:t>How is a hydrogen demand </a:t>
          </a:r>
          <a:r>
            <a:rPr lang="da-DK" dirty="0" err="1"/>
            <a:t>curve</a:t>
          </a:r>
          <a:r>
            <a:rPr lang="da-DK" dirty="0"/>
            <a:t> </a:t>
          </a:r>
          <a:r>
            <a:rPr lang="da-DK" dirty="0" err="1"/>
            <a:t>established</a:t>
          </a:r>
          <a:r>
            <a:rPr lang="da-DK" dirty="0"/>
            <a:t> </a:t>
          </a:r>
          <a:r>
            <a:rPr lang="da-DK" dirty="0" err="1"/>
            <a:t>using</a:t>
          </a:r>
          <a:r>
            <a:rPr lang="da-DK" dirty="0"/>
            <a:t> simple </a:t>
          </a:r>
          <a:r>
            <a:rPr lang="da-DK" dirty="0" err="1"/>
            <a:t>cost</a:t>
          </a:r>
          <a:r>
            <a:rPr lang="da-DK" dirty="0"/>
            <a:t> </a:t>
          </a:r>
          <a:r>
            <a:rPr lang="da-DK" dirty="0" err="1"/>
            <a:t>projections</a:t>
          </a:r>
          <a:r>
            <a:rPr lang="da-DK" dirty="0"/>
            <a:t> and a system </a:t>
          </a:r>
          <a:r>
            <a:rPr lang="da-DK" dirty="0" err="1"/>
            <a:t>dynamics</a:t>
          </a:r>
          <a:r>
            <a:rPr lang="da-DK" dirty="0"/>
            <a:t> diffusion model framework?</a:t>
          </a:r>
          <a:endParaRPr lang="en-US" dirty="0"/>
        </a:p>
      </dgm:t>
    </dgm:pt>
    <dgm:pt modelId="{52F3DE7A-E019-45CA-9D52-0E8E6EDA046C}" type="parTrans" cxnId="{01CDBC2E-FF37-4A07-A8F9-38120480E801}">
      <dgm:prSet/>
      <dgm:spPr/>
      <dgm:t>
        <a:bodyPr/>
        <a:lstStyle/>
        <a:p>
          <a:endParaRPr lang="en-US"/>
        </a:p>
      </dgm:t>
    </dgm:pt>
    <dgm:pt modelId="{3B043A0D-8368-4AD0-827D-20664E27947B}" type="sibTrans" cxnId="{01CDBC2E-FF37-4A07-A8F9-38120480E801}">
      <dgm:prSet/>
      <dgm:spPr/>
      <dgm:t>
        <a:bodyPr/>
        <a:lstStyle/>
        <a:p>
          <a:endParaRPr lang="en-US"/>
        </a:p>
      </dgm:t>
    </dgm:pt>
    <dgm:pt modelId="{E44714A4-416C-436C-9E62-BE2A0C0C647F}">
      <dgm:prSet/>
      <dgm:spPr/>
      <dgm:t>
        <a:bodyPr/>
        <a:lstStyle/>
        <a:p>
          <a:pPr>
            <a:lnSpc>
              <a:spcPct val="150000"/>
            </a:lnSpc>
          </a:pPr>
          <a:r>
            <a:rPr lang="da-DK" dirty="0" err="1"/>
            <a:t>What</a:t>
          </a:r>
          <a:r>
            <a:rPr lang="da-DK" dirty="0"/>
            <a:t> </a:t>
          </a:r>
          <a:r>
            <a:rPr lang="da-DK" dirty="0" err="1"/>
            <a:t>are</a:t>
          </a:r>
          <a:r>
            <a:rPr lang="da-DK" dirty="0"/>
            <a:t> the </a:t>
          </a:r>
          <a:r>
            <a:rPr lang="da-DK" dirty="0" err="1"/>
            <a:t>sector</a:t>
          </a:r>
          <a:r>
            <a:rPr lang="da-DK" dirty="0"/>
            <a:t> </a:t>
          </a:r>
          <a:r>
            <a:rPr lang="da-DK" dirty="0" err="1"/>
            <a:t>specific</a:t>
          </a:r>
          <a:r>
            <a:rPr lang="da-DK" dirty="0"/>
            <a:t> </a:t>
          </a:r>
          <a:r>
            <a:rPr lang="da-DK" dirty="0" err="1"/>
            <a:t>willingness</a:t>
          </a:r>
          <a:r>
            <a:rPr lang="da-DK" dirty="0"/>
            <a:t>-to-pay for green hydrogen?</a:t>
          </a:r>
          <a:endParaRPr lang="en-US" dirty="0"/>
        </a:p>
      </dgm:t>
    </dgm:pt>
    <dgm:pt modelId="{94B56855-087F-4B8D-9276-BABF8829DF33}" type="parTrans" cxnId="{1BBA0A0A-0552-455B-BA98-D4D582523F8F}">
      <dgm:prSet/>
      <dgm:spPr/>
      <dgm:t>
        <a:bodyPr/>
        <a:lstStyle/>
        <a:p>
          <a:endParaRPr lang="en-US"/>
        </a:p>
      </dgm:t>
    </dgm:pt>
    <dgm:pt modelId="{CF451F78-847F-45FE-B339-C1C7CCAC6F52}" type="sibTrans" cxnId="{1BBA0A0A-0552-455B-BA98-D4D582523F8F}">
      <dgm:prSet/>
      <dgm:spPr/>
      <dgm:t>
        <a:bodyPr/>
        <a:lstStyle/>
        <a:p>
          <a:endParaRPr lang="en-US"/>
        </a:p>
      </dgm:t>
    </dgm:pt>
    <dgm:pt modelId="{776FD95D-CE51-419E-83E4-5C71862B8618}" type="pres">
      <dgm:prSet presAssocID="{C1B135E0-465F-4AEB-B5E9-2D205B5AE75E}" presName="linear" presStyleCnt="0">
        <dgm:presLayoutVars>
          <dgm:dir/>
          <dgm:animLvl val="lvl"/>
          <dgm:resizeHandles val="exact"/>
        </dgm:presLayoutVars>
      </dgm:prSet>
      <dgm:spPr/>
    </dgm:pt>
    <dgm:pt modelId="{1F5F3DB2-2FA5-4016-9A64-FDD93AB06D20}" type="pres">
      <dgm:prSet presAssocID="{9E875470-C865-40C9-BA2F-30B84820348D}" presName="parentLin" presStyleCnt="0"/>
      <dgm:spPr/>
    </dgm:pt>
    <dgm:pt modelId="{C6E23F55-4DA6-4539-B876-36498DD0437F}" type="pres">
      <dgm:prSet presAssocID="{9E875470-C865-40C9-BA2F-30B84820348D}" presName="parentLeftMargin" presStyleLbl="node1" presStyleIdx="0" presStyleCnt="3"/>
      <dgm:spPr/>
    </dgm:pt>
    <dgm:pt modelId="{0AE96E55-5882-4B2A-B0FA-EB92FBE7B39E}" type="pres">
      <dgm:prSet presAssocID="{9E875470-C865-40C9-BA2F-30B84820348D}" presName="parentText" presStyleLbl="node1" presStyleIdx="0" presStyleCnt="3">
        <dgm:presLayoutVars>
          <dgm:chMax val="0"/>
          <dgm:bulletEnabled val="1"/>
        </dgm:presLayoutVars>
      </dgm:prSet>
      <dgm:spPr/>
    </dgm:pt>
    <dgm:pt modelId="{36E4C860-5A36-49B8-9494-EA1F1057199A}" type="pres">
      <dgm:prSet presAssocID="{9E875470-C865-40C9-BA2F-30B84820348D}" presName="negativeSpace" presStyleCnt="0"/>
      <dgm:spPr/>
    </dgm:pt>
    <dgm:pt modelId="{ED09BF45-5F3E-49D7-8BEA-D774A06A878E}" type="pres">
      <dgm:prSet presAssocID="{9E875470-C865-40C9-BA2F-30B84820348D}" presName="childText" presStyleLbl="conFgAcc1" presStyleIdx="0" presStyleCnt="3">
        <dgm:presLayoutVars>
          <dgm:bulletEnabled val="1"/>
        </dgm:presLayoutVars>
      </dgm:prSet>
      <dgm:spPr/>
    </dgm:pt>
    <dgm:pt modelId="{95C6A5B0-CF78-408D-86F7-F9E1BCB4E49D}" type="pres">
      <dgm:prSet presAssocID="{7936059F-1B8F-43F2-980E-C59715B5C563}" presName="spaceBetweenRectangles" presStyleCnt="0"/>
      <dgm:spPr/>
    </dgm:pt>
    <dgm:pt modelId="{E9B0B76B-426D-4706-B5FD-4EA2D0C60B2B}" type="pres">
      <dgm:prSet presAssocID="{2AFBDD6D-ED7C-4BC4-8FC7-A75317BA95B5}" presName="parentLin" presStyleCnt="0"/>
      <dgm:spPr/>
    </dgm:pt>
    <dgm:pt modelId="{84AB7BEA-A7BF-43A7-9420-75C0D1668573}" type="pres">
      <dgm:prSet presAssocID="{2AFBDD6D-ED7C-4BC4-8FC7-A75317BA95B5}" presName="parentLeftMargin" presStyleLbl="node1" presStyleIdx="0" presStyleCnt="3"/>
      <dgm:spPr/>
    </dgm:pt>
    <dgm:pt modelId="{28BB2B98-91EA-444C-B80C-180081F6E93A}" type="pres">
      <dgm:prSet presAssocID="{2AFBDD6D-ED7C-4BC4-8FC7-A75317BA95B5}" presName="parentText" presStyleLbl="node1" presStyleIdx="1" presStyleCnt="3">
        <dgm:presLayoutVars>
          <dgm:chMax val="0"/>
          <dgm:bulletEnabled val="1"/>
        </dgm:presLayoutVars>
      </dgm:prSet>
      <dgm:spPr/>
    </dgm:pt>
    <dgm:pt modelId="{34D57153-0CDA-4CBB-ACBC-5E94CA79C768}" type="pres">
      <dgm:prSet presAssocID="{2AFBDD6D-ED7C-4BC4-8FC7-A75317BA95B5}" presName="negativeSpace" presStyleCnt="0"/>
      <dgm:spPr/>
    </dgm:pt>
    <dgm:pt modelId="{99EB225A-8CFE-4E88-93EA-7EB995A007D2}" type="pres">
      <dgm:prSet presAssocID="{2AFBDD6D-ED7C-4BC4-8FC7-A75317BA95B5}" presName="childText" presStyleLbl="conFgAcc1" presStyleIdx="1" presStyleCnt="3">
        <dgm:presLayoutVars>
          <dgm:bulletEnabled val="1"/>
        </dgm:presLayoutVars>
      </dgm:prSet>
      <dgm:spPr/>
    </dgm:pt>
    <dgm:pt modelId="{1A93C50A-9478-4B10-A0BC-8117D06061E9}" type="pres">
      <dgm:prSet presAssocID="{C102DF74-D9AF-4C7B-9DCD-7FB73274FD74}" presName="spaceBetweenRectangles" presStyleCnt="0"/>
      <dgm:spPr/>
    </dgm:pt>
    <dgm:pt modelId="{16706CDE-BCC1-4D06-8B18-46B43EE2ECEF}" type="pres">
      <dgm:prSet presAssocID="{BE0F0F7D-C6AA-47F7-A6E2-CA6C3D5C9516}" presName="parentLin" presStyleCnt="0"/>
      <dgm:spPr/>
    </dgm:pt>
    <dgm:pt modelId="{7AFD067D-7693-4D67-96F1-9826302EF57D}" type="pres">
      <dgm:prSet presAssocID="{BE0F0F7D-C6AA-47F7-A6E2-CA6C3D5C9516}" presName="parentLeftMargin" presStyleLbl="node1" presStyleIdx="1" presStyleCnt="3"/>
      <dgm:spPr/>
    </dgm:pt>
    <dgm:pt modelId="{020585FA-08FB-4F8D-B7C1-0352B301C0A2}" type="pres">
      <dgm:prSet presAssocID="{BE0F0F7D-C6AA-47F7-A6E2-CA6C3D5C9516}" presName="parentText" presStyleLbl="node1" presStyleIdx="2" presStyleCnt="3">
        <dgm:presLayoutVars>
          <dgm:chMax val="0"/>
          <dgm:bulletEnabled val="1"/>
        </dgm:presLayoutVars>
      </dgm:prSet>
      <dgm:spPr/>
    </dgm:pt>
    <dgm:pt modelId="{AEC1CB82-FF3D-4E55-986B-52852C2A9974}" type="pres">
      <dgm:prSet presAssocID="{BE0F0F7D-C6AA-47F7-A6E2-CA6C3D5C9516}" presName="negativeSpace" presStyleCnt="0"/>
      <dgm:spPr/>
    </dgm:pt>
    <dgm:pt modelId="{ED04F93D-9C64-4066-A843-A487FDCCE9D9}" type="pres">
      <dgm:prSet presAssocID="{BE0F0F7D-C6AA-47F7-A6E2-CA6C3D5C9516}" presName="childText" presStyleLbl="conFgAcc1" presStyleIdx="2" presStyleCnt="3">
        <dgm:presLayoutVars>
          <dgm:bulletEnabled val="1"/>
        </dgm:presLayoutVars>
      </dgm:prSet>
      <dgm:spPr/>
    </dgm:pt>
  </dgm:ptLst>
  <dgm:cxnLst>
    <dgm:cxn modelId="{920C6800-EB83-4B57-9B2A-82BD87634412}" srcId="{C1B135E0-465F-4AEB-B5E9-2D205B5AE75E}" destId="{2AFBDD6D-ED7C-4BC4-8FC7-A75317BA95B5}" srcOrd="1" destOrd="0" parTransId="{2F42E29A-F504-43AE-BAE8-27F1BFE7E779}" sibTransId="{C102DF74-D9AF-4C7B-9DCD-7FB73274FD74}"/>
    <dgm:cxn modelId="{1BBA0A0A-0552-455B-BA98-D4D582523F8F}" srcId="{BE0F0F7D-C6AA-47F7-A6E2-CA6C3D5C9516}" destId="{E44714A4-416C-436C-9E62-BE2A0C0C647F}" srcOrd="2" destOrd="0" parTransId="{94B56855-087F-4B8D-9276-BABF8829DF33}" sibTransId="{CF451F78-847F-45FE-B339-C1C7CCAC6F52}"/>
    <dgm:cxn modelId="{D1FB8E11-C75E-40A5-9F08-08C15F55E2D9}" type="presOf" srcId="{E44714A4-416C-436C-9E62-BE2A0C0C647F}" destId="{ED04F93D-9C64-4066-A843-A487FDCCE9D9}" srcOrd="0" destOrd="2" presId="urn:microsoft.com/office/officeart/2005/8/layout/list1"/>
    <dgm:cxn modelId="{B8D13A1C-4EC1-4D66-8EA2-3782F9D2C7FA}" type="presOf" srcId="{9E875470-C865-40C9-BA2F-30B84820348D}" destId="{C6E23F55-4DA6-4539-B876-36498DD0437F}" srcOrd="0" destOrd="0" presId="urn:microsoft.com/office/officeart/2005/8/layout/list1"/>
    <dgm:cxn modelId="{17458E1C-06F8-4C7B-BE7B-F202CE254B9F}" type="presOf" srcId="{22A33358-6284-4F6E-8D1D-1671457C2242}" destId="{ED04F93D-9C64-4066-A843-A487FDCCE9D9}" srcOrd="0" destOrd="0" presId="urn:microsoft.com/office/officeart/2005/8/layout/list1"/>
    <dgm:cxn modelId="{625FE71E-62E3-4AA6-94BE-54E143597E71}" type="presOf" srcId="{2AFBDD6D-ED7C-4BC4-8FC7-A75317BA95B5}" destId="{28BB2B98-91EA-444C-B80C-180081F6E93A}" srcOrd="1" destOrd="0" presId="urn:microsoft.com/office/officeart/2005/8/layout/list1"/>
    <dgm:cxn modelId="{3B7E8E28-3D67-4651-99F3-45375926B7F8}" type="presOf" srcId="{BE0F0F7D-C6AA-47F7-A6E2-CA6C3D5C9516}" destId="{020585FA-08FB-4F8D-B7C1-0352B301C0A2}" srcOrd="1" destOrd="0" presId="urn:microsoft.com/office/officeart/2005/8/layout/list1"/>
    <dgm:cxn modelId="{01CDBC2E-FF37-4A07-A8F9-38120480E801}" srcId="{BE0F0F7D-C6AA-47F7-A6E2-CA6C3D5C9516}" destId="{F810E29A-333B-4B77-B1EE-3B4E87632D99}" srcOrd="1" destOrd="0" parTransId="{52F3DE7A-E019-45CA-9D52-0E8E6EDA046C}" sibTransId="{3B043A0D-8368-4AD0-827D-20664E27947B}"/>
    <dgm:cxn modelId="{9AACAE84-F0AF-429E-933B-0E4CA21BEF95}" type="presOf" srcId="{BE0F0F7D-C6AA-47F7-A6E2-CA6C3D5C9516}" destId="{7AFD067D-7693-4D67-96F1-9826302EF57D}" srcOrd="0" destOrd="0" presId="urn:microsoft.com/office/officeart/2005/8/layout/list1"/>
    <dgm:cxn modelId="{4CE80A86-EB90-4F94-BC71-31065EF943A8}" type="presOf" srcId="{C1B135E0-465F-4AEB-B5E9-2D205B5AE75E}" destId="{776FD95D-CE51-419E-83E4-5C71862B8618}" srcOrd="0" destOrd="0" presId="urn:microsoft.com/office/officeart/2005/8/layout/list1"/>
    <dgm:cxn modelId="{5349F887-A114-4B8C-A013-A4D4B3E553CC}" srcId="{C1B135E0-465F-4AEB-B5E9-2D205B5AE75E}" destId="{BE0F0F7D-C6AA-47F7-A6E2-CA6C3D5C9516}" srcOrd="2" destOrd="0" parTransId="{EA7B4E21-5A34-4533-B7C0-499BDE622313}" sibTransId="{2FB73CC2-F652-4819-92DF-5D6D5DE18100}"/>
    <dgm:cxn modelId="{F895FA9E-0E2B-433C-B91A-39EABEDCF21F}" srcId="{BE0F0F7D-C6AA-47F7-A6E2-CA6C3D5C9516}" destId="{22A33358-6284-4F6E-8D1D-1671457C2242}" srcOrd="0" destOrd="0" parTransId="{064989E2-BBCC-4BDC-873B-E348B9A28EBE}" sibTransId="{6DAC7E3E-D1DD-4F17-ACA8-93B97D4EA9A3}"/>
    <dgm:cxn modelId="{D870E0B0-119E-487B-951B-BF596C68A398}" type="presOf" srcId="{F810E29A-333B-4B77-B1EE-3B4E87632D99}" destId="{ED04F93D-9C64-4066-A843-A487FDCCE9D9}" srcOrd="0" destOrd="1" presId="urn:microsoft.com/office/officeart/2005/8/layout/list1"/>
    <dgm:cxn modelId="{C73025C1-84EF-42A3-9948-23FA70F1DAF6}" srcId="{C1B135E0-465F-4AEB-B5E9-2D205B5AE75E}" destId="{9E875470-C865-40C9-BA2F-30B84820348D}" srcOrd="0" destOrd="0" parTransId="{3D5862D9-2053-42B0-AC68-8FE204FBA01E}" sibTransId="{7936059F-1B8F-43F2-980E-C59715B5C563}"/>
    <dgm:cxn modelId="{39630CCD-64E1-48E6-B419-B905D8D60F7C}" type="presOf" srcId="{2AFBDD6D-ED7C-4BC4-8FC7-A75317BA95B5}" destId="{84AB7BEA-A7BF-43A7-9420-75C0D1668573}" srcOrd="0" destOrd="0" presId="urn:microsoft.com/office/officeart/2005/8/layout/list1"/>
    <dgm:cxn modelId="{D4F07FFC-7C08-41BA-B96A-E5689E88BFC2}" type="presOf" srcId="{9E875470-C865-40C9-BA2F-30B84820348D}" destId="{0AE96E55-5882-4B2A-B0FA-EB92FBE7B39E}" srcOrd="1" destOrd="0" presId="urn:microsoft.com/office/officeart/2005/8/layout/list1"/>
    <dgm:cxn modelId="{5FA00B87-E298-42B0-8BAC-1FD20658FDC5}" type="presParOf" srcId="{776FD95D-CE51-419E-83E4-5C71862B8618}" destId="{1F5F3DB2-2FA5-4016-9A64-FDD93AB06D20}" srcOrd="0" destOrd="0" presId="urn:microsoft.com/office/officeart/2005/8/layout/list1"/>
    <dgm:cxn modelId="{94D8AFD8-6DFE-4CB6-9440-CCCE1B494817}" type="presParOf" srcId="{1F5F3DB2-2FA5-4016-9A64-FDD93AB06D20}" destId="{C6E23F55-4DA6-4539-B876-36498DD0437F}" srcOrd="0" destOrd="0" presId="urn:microsoft.com/office/officeart/2005/8/layout/list1"/>
    <dgm:cxn modelId="{75EAD937-F06B-4BC4-92E9-B40EAD424687}" type="presParOf" srcId="{1F5F3DB2-2FA5-4016-9A64-FDD93AB06D20}" destId="{0AE96E55-5882-4B2A-B0FA-EB92FBE7B39E}" srcOrd="1" destOrd="0" presId="urn:microsoft.com/office/officeart/2005/8/layout/list1"/>
    <dgm:cxn modelId="{F0B101A9-A3A6-4B59-8D61-E5320CEC195E}" type="presParOf" srcId="{776FD95D-CE51-419E-83E4-5C71862B8618}" destId="{36E4C860-5A36-49B8-9494-EA1F1057199A}" srcOrd="1" destOrd="0" presId="urn:microsoft.com/office/officeart/2005/8/layout/list1"/>
    <dgm:cxn modelId="{09482E26-8436-4E6C-B774-39CCACC21DF3}" type="presParOf" srcId="{776FD95D-CE51-419E-83E4-5C71862B8618}" destId="{ED09BF45-5F3E-49D7-8BEA-D774A06A878E}" srcOrd="2" destOrd="0" presId="urn:microsoft.com/office/officeart/2005/8/layout/list1"/>
    <dgm:cxn modelId="{B0B07220-1E76-409D-A9D3-F360A2820D46}" type="presParOf" srcId="{776FD95D-CE51-419E-83E4-5C71862B8618}" destId="{95C6A5B0-CF78-408D-86F7-F9E1BCB4E49D}" srcOrd="3" destOrd="0" presId="urn:microsoft.com/office/officeart/2005/8/layout/list1"/>
    <dgm:cxn modelId="{93D63981-9086-42E9-85FF-623F2312CF65}" type="presParOf" srcId="{776FD95D-CE51-419E-83E4-5C71862B8618}" destId="{E9B0B76B-426D-4706-B5FD-4EA2D0C60B2B}" srcOrd="4" destOrd="0" presId="urn:microsoft.com/office/officeart/2005/8/layout/list1"/>
    <dgm:cxn modelId="{65883823-82EE-4E18-8A51-3E17F8AAF8BD}" type="presParOf" srcId="{E9B0B76B-426D-4706-B5FD-4EA2D0C60B2B}" destId="{84AB7BEA-A7BF-43A7-9420-75C0D1668573}" srcOrd="0" destOrd="0" presId="urn:microsoft.com/office/officeart/2005/8/layout/list1"/>
    <dgm:cxn modelId="{E27EB5DA-629F-417C-962B-7528D05E4BD2}" type="presParOf" srcId="{E9B0B76B-426D-4706-B5FD-4EA2D0C60B2B}" destId="{28BB2B98-91EA-444C-B80C-180081F6E93A}" srcOrd="1" destOrd="0" presId="urn:microsoft.com/office/officeart/2005/8/layout/list1"/>
    <dgm:cxn modelId="{10F80399-FD5E-4BA4-93FC-1399446CFA68}" type="presParOf" srcId="{776FD95D-CE51-419E-83E4-5C71862B8618}" destId="{34D57153-0CDA-4CBB-ACBC-5E94CA79C768}" srcOrd="5" destOrd="0" presId="urn:microsoft.com/office/officeart/2005/8/layout/list1"/>
    <dgm:cxn modelId="{358277B3-F376-4022-A7EC-D92026C41591}" type="presParOf" srcId="{776FD95D-CE51-419E-83E4-5C71862B8618}" destId="{99EB225A-8CFE-4E88-93EA-7EB995A007D2}" srcOrd="6" destOrd="0" presId="urn:microsoft.com/office/officeart/2005/8/layout/list1"/>
    <dgm:cxn modelId="{C763CD7D-F22F-46EC-BC07-6ED35C1259E7}" type="presParOf" srcId="{776FD95D-CE51-419E-83E4-5C71862B8618}" destId="{1A93C50A-9478-4B10-A0BC-8117D06061E9}" srcOrd="7" destOrd="0" presId="urn:microsoft.com/office/officeart/2005/8/layout/list1"/>
    <dgm:cxn modelId="{95B1C2D4-B1F6-4035-A15D-58D1A588660F}" type="presParOf" srcId="{776FD95D-CE51-419E-83E4-5C71862B8618}" destId="{16706CDE-BCC1-4D06-8B18-46B43EE2ECEF}" srcOrd="8" destOrd="0" presId="urn:microsoft.com/office/officeart/2005/8/layout/list1"/>
    <dgm:cxn modelId="{2A0C2ED3-050B-461A-8A2F-03F31AA2B7EB}" type="presParOf" srcId="{16706CDE-BCC1-4D06-8B18-46B43EE2ECEF}" destId="{7AFD067D-7693-4D67-96F1-9826302EF57D}" srcOrd="0" destOrd="0" presId="urn:microsoft.com/office/officeart/2005/8/layout/list1"/>
    <dgm:cxn modelId="{8ADAA1E7-7A72-4C62-BA8E-0FE5F700D61F}" type="presParOf" srcId="{16706CDE-BCC1-4D06-8B18-46B43EE2ECEF}" destId="{020585FA-08FB-4F8D-B7C1-0352B301C0A2}" srcOrd="1" destOrd="0" presId="urn:microsoft.com/office/officeart/2005/8/layout/list1"/>
    <dgm:cxn modelId="{7E6FCC64-8077-4A74-98DE-3807CA1EB40F}" type="presParOf" srcId="{776FD95D-CE51-419E-83E4-5C71862B8618}" destId="{AEC1CB82-FF3D-4E55-986B-52852C2A9974}" srcOrd="9" destOrd="0" presId="urn:microsoft.com/office/officeart/2005/8/layout/list1"/>
    <dgm:cxn modelId="{D1985702-2A9B-4735-A3C6-52442E094EF5}" type="presParOf" srcId="{776FD95D-CE51-419E-83E4-5C71862B8618}" destId="{ED04F93D-9C64-4066-A843-A487FDCCE9D9}" srcOrd="10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B6E7887-2E22-4BC4-B177-F50E249319BE}">
      <dsp:nvSpPr>
        <dsp:cNvPr id="0" name=""/>
        <dsp:cNvSpPr/>
      </dsp:nvSpPr>
      <dsp:spPr>
        <a:xfrm>
          <a:off x="4576" y="0"/>
          <a:ext cx="4402825" cy="4407082"/>
        </a:xfrm>
        <a:prstGeom prst="roundRect">
          <a:avLst>
            <a:gd name="adj" fmla="val 10000"/>
          </a:avLst>
        </a:prstGeom>
        <a:solidFill>
          <a:schemeClr val="accent3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4780" tIns="144780" rIns="144780" bIns="144780" numCol="1" spcCol="1270" anchor="ctr" anchorCtr="0">
          <a:noAutofit/>
        </a:bodyPr>
        <a:lstStyle/>
        <a:p>
          <a:pPr marL="0" lvl="0" indent="0" algn="ctr" defTabSz="1689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800" kern="1200" dirty="0"/>
            <a:t>Policy perspective</a:t>
          </a:r>
        </a:p>
      </dsp:txBody>
      <dsp:txXfrm>
        <a:off x="4576" y="0"/>
        <a:ext cx="4402825" cy="1322124"/>
      </dsp:txXfrm>
    </dsp:sp>
    <dsp:sp modelId="{6E38B1B3-B837-42F2-AB54-DD31E7CEF1E1}">
      <dsp:nvSpPr>
        <dsp:cNvPr id="0" name=""/>
        <dsp:cNvSpPr/>
      </dsp:nvSpPr>
      <dsp:spPr>
        <a:xfrm>
          <a:off x="444859" y="1322232"/>
          <a:ext cx="3522260" cy="642018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0480" tIns="22860" rIns="30480" bIns="2286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 dirty="0"/>
            <a:t>The green energy transition in hard-to-abate sectors have ambitious goals in EU’s net zero 2050 targets.</a:t>
          </a:r>
          <a:endParaRPr lang="en-US" sz="1200" kern="1200" dirty="0"/>
        </a:p>
      </dsp:txBody>
      <dsp:txXfrm>
        <a:off x="463663" y="1341036"/>
        <a:ext cx="3484652" cy="604410"/>
      </dsp:txXfrm>
    </dsp:sp>
    <dsp:sp modelId="{BDEBA654-6C4C-49F7-B8DB-D54F9BFCCEE7}">
      <dsp:nvSpPr>
        <dsp:cNvPr id="0" name=""/>
        <dsp:cNvSpPr/>
      </dsp:nvSpPr>
      <dsp:spPr>
        <a:xfrm>
          <a:off x="444859" y="2063022"/>
          <a:ext cx="3522260" cy="642018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0480" tIns="22860" rIns="30480" bIns="2286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 dirty="0"/>
            <a:t>The transition is driven by private investments - funded by EU and governments.</a:t>
          </a:r>
          <a:endParaRPr lang="en-US" sz="1200" kern="1200" dirty="0"/>
        </a:p>
      </dsp:txBody>
      <dsp:txXfrm>
        <a:off x="463663" y="2081826"/>
        <a:ext cx="3484652" cy="604410"/>
      </dsp:txXfrm>
    </dsp:sp>
    <dsp:sp modelId="{C14B637C-3DBF-4BD1-817E-860B95390B82}">
      <dsp:nvSpPr>
        <dsp:cNvPr id="0" name=""/>
        <dsp:cNvSpPr/>
      </dsp:nvSpPr>
      <dsp:spPr>
        <a:xfrm>
          <a:off x="444859" y="2803812"/>
          <a:ext cx="3522260" cy="642018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0480" tIns="22860" rIns="30480" bIns="2286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 dirty="0"/>
            <a:t>Assessment of sectoral technology competitiveness can guide policy makers to crucial areas and technologies in need of funding.</a:t>
          </a:r>
          <a:endParaRPr lang="en-US" sz="1200" kern="1200" dirty="0"/>
        </a:p>
      </dsp:txBody>
      <dsp:txXfrm>
        <a:off x="463663" y="2822616"/>
        <a:ext cx="3484652" cy="604410"/>
      </dsp:txXfrm>
    </dsp:sp>
    <dsp:sp modelId="{91852BF0-9EEA-423A-9A58-A5E7753DC739}">
      <dsp:nvSpPr>
        <dsp:cNvPr id="0" name=""/>
        <dsp:cNvSpPr/>
      </dsp:nvSpPr>
      <dsp:spPr>
        <a:xfrm>
          <a:off x="444859" y="3544602"/>
          <a:ext cx="3522260" cy="642018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0480" tIns="22860" rIns="30480" bIns="2286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 dirty="0"/>
            <a:t>By quantifying the competitiveness gap, the level of funding required can also be estimated.</a:t>
          </a:r>
          <a:endParaRPr lang="en-US" sz="1200" kern="1200" dirty="0"/>
        </a:p>
      </dsp:txBody>
      <dsp:txXfrm>
        <a:off x="463663" y="3563406"/>
        <a:ext cx="3484652" cy="604410"/>
      </dsp:txXfrm>
    </dsp:sp>
    <dsp:sp modelId="{169004A3-8B6C-4240-A787-02B8789B7440}">
      <dsp:nvSpPr>
        <dsp:cNvPr id="0" name=""/>
        <dsp:cNvSpPr/>
      </dsp:nvSpPr>
      <dsp:spPr>
        <a:xfrm>
          <a:off x="4737613" y="0"/>
          <a:ext cx="4402825" cy="4407082"/>
        </a:xfrm>
        <a:prstGeom prst="roundRect">
          <a:avLst>
            <a:gd name="adj" fmla="val 10000"/>
          </a:avLst>
        </a:prstGeom>
        <a:solidFill>
          <a:schemeClr val="accent3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4780" tIns="144780" rIns="144780" bIns="144780" numCol="1" spcCol="1270" anchor="ctr" anchorCtr="0">
          <a:noAutofit/>
        </a:bodyPr>
        <a:lstStyle/>
        <a:p>
          <a:pPr marL="0" lvl="0" indent="0" algn="ctr" defTabSz="1689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800" kern="1200" dirty="0"/>
            <a:t>The investor perspective</a:t>
          </a:r>
        </a:p>
      </dsp:txBody>
      <dsp:txXfrm>
        <a:off x="4737613" y="0"/>
        <a:ext cx="4402825" cy="1322124"/>
      </dsp:txXfrm>
    </dsp:sp>
    <dsp:sp modelId="{1B9DEF51-66A5-4740-8DA2-69AB55693F5A}">
      <dsp:nvSpPr>
        <dsp:cNvPr id="0" name=""/>
        <dsp:cNvSpPr/>
      </dsp:nvSpPr>
      <dsp:spPr>
        <a:xfrm>
          <a:off x="5177896" y="1322501"/>
          <a:ext cx="3522260" cy="865815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0480" tIns="22860" rIns="30480" bIns="2286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 dirty="0"/>
            <a:t>Levelized costs drive long-term investment decisions in competitive markets.</a:t>
          </a:r>
          <a:endParaRPr lang="en-US" sz="1200" kern="1200" dirty="0"/>
        </a:p>
      </dsp:txBody>
      <dsp:txXfrm>
        <a:off x="5203255" y="1347860"/>
        <a:ext cx="3471542" cy="815097"/>
      </dsp:txXfrm>
    </dsp:sp>
    <dsp:sp modelId="{F5C3A4A8-B5F1-4A6C-90EE-3CBEAFDC830A}">
      <dsp:nvSpPr>
        <dsp:cNvPr id="0" name=""/>
        <dsp:cNvSpPr/>
      </dsp:nvSpPr>
      <dsp:spPr>
        <a:xfrm>
          <a:off x="5177896" y="2321518"/>
          <a:ext cx="3522260" cy="865815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0480" tIns="22860" rIns="30480" bIns="2286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Establishing a green hydrogen demand curve informs investors about off taker prospects.</a:t>
          </a:r>
        </a:p>
      </dsp:txBody>
      <dsp:txXfrm>
        <a:off x="5203255" y="2346877"/>
        <a:ext cx="3471542" cy="815097"/>
      </dsp:txXfrm>
    </dsp:sp>
    <dsp:sp modelId="{AD2D5099-E802-42CD-B6B9-D5AD004126A7}">
      <dsp:nvSpPr>
        <dsp:cNvPr id="0" name=""/>
        <dsp:cNvSpPr/>
      </dsp:nvSpPr>
      <dsp:spPr>
        <a:xfrm>
          <a:off x="5177896" y="3320536"/>
          <a:ext cx="3522260" cy="865815"/>
        </a:xfrm>
        <a:prstGeom prst="roundRect">
          <a:avLst>
            <a:gd name="adj" fmla="val 10000"/>
          </a:avLst>
        </a:prstGeom>
        <a:solidFill>
          <a:schemeClr val="l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3">
              <a:shade val="8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0480" tIns="22860" rIns="30480" bIns="2286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200" kern="1200" dirty="0"/>
            <a:t>By correctly assessing the impacts of implemented policies such as the ETS, no-regret investments in non-renewable technologies can be deterred.</a:t>
          </a:r>
        </a:p>
      </dsp:txBody>
      <dsp:txXfrm>
        <a:off x="5203255" y="3345895"/>
        <a:ext cx="3471542" cy="815097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D09BF45-5F3E-49D7-8BEA-D774A06A878E}">
      <dsp:nvSpPr>
        <dsp:cNvPr id="0" name=""/>
        <dsp:cNvSpPr/>
      </dsp:nvSpPr>
      <dsp:spPr>
        <a:xfrm>
          <a:off x="0" y="531109"/>
          <a:ext cx="9312374" cy="403200"/>
        </a:xfrm>
        <a:prstGeom prst="rect">
          <a:avLst/>
        </a:prstGeom>
        <a:solidFill>
          <a:schemeClr val="accent3">
            <a:alpha val="90000"/>
            <a:tint val="40000"/>
            <a:hueOff val="0"/>
            <a:satOff val="0"/>
            <a:lumOff val="0"/>
            <a:alphaOff val="0"/>
          </a:schemeClr>
        </a:solidFill>
        <a:ln w="9525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AE96E55-5882-4B2A-B0FA-EB92FBE7B39E}">
      <dsp:nvSpPr>
        <dsp:cNvPr id="0" name=""/>
        <dsp:cNvSpPr/>
      </dsp:nvSpPr>
      <dsp:spPr>
        <a:xfrm>
          <a:off x="465618" y="294949"/>
          <a:ext cx="6518661" cy="472320"/>
        </a:xfrm>
        <a:prstGeom prst="roundRect">
          <a:avLst/>
        </a:prstGeom>
        <a:gradFill rotWithShape="0">
          <a:gsLst>
            <a:gs pos="0">
              <a:schemeClr val="l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l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l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246390" tIns="0" rIns="24639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Focus is on the demand side of the transition to green hydrogen (and </a:t>
          </a:r>
          <a:r>
            <a:rPr lang="da-DK" sz="1600" kern="1200" dirty="0" err="1"/>
            <a:t>other</a:t>
          </a:r>
          <a:r>
            <a:rPr lang="da-DK" sz="1600" kern="1200" dirty="0"/>
            <a:t> </a:t>
          </a:r>
          <a:r>
            <a:rPr lang="da-DK" sz="1600" kern="1200" dirty="0" err="1"/>
            <a:t>renewable</a:t>
          </a:r>
          <a:r>
            <a:rPr lang="da-DK" sz="1600" kern="1200" dirty="0"/>
            <a:t>) </a:t>
          </a:r>
          <a:r>
            <a:rPr lang="da-DK" sz="1600" kern="1200" dirty="0" err="1"/>
            <a:t>technologies</a:t>
          </a:r>
          <a:r>
            <a:rPr lang="da-DK" sz="1600" kern="1200" dirty="0"/>
            <a:t>.</a:t>
          </a:r>
          <a:endParaRPr lang="en-US" sz="1600" kern="1200" dirty="0"/>
        </a:p>
      </dsp:txBody>
      <dsp:txXfrm>
        <a:off x="488675" y="318006"/>
        <a:ext cx="6472547" cy="426206"/>
      </dsp:txXfrm>
    </dsp:sp>
    <dsp:sp modelId="{99EB225A-8CFE-4E88-93EA-7EB995A007D2}">
      <dsp:nvSpPr>
        <dsp:cNvPr id="0" name=""/>
        <dsp:cNvSpPr/>
      </dsp:nvSpPr>
      <dsp:spPr>
        <a:xfrm>
          <a:off x="0" y="1256869"/>
          <a:ext cx="9312374" cy="403200"/>
        </a:xfrm>
        <a:prstGeom prst="rect">
          <a:avLst/>
        </a:prstGeom>
        <a:solidFill>
          <a:schemeClr val="accent3">
            <a:alpha val="90000"/>
            <a:tint val="40000"/>
            <a:hueOff val="0"/>
            <a:satOff val="0"/>
            <a:lumOff val="0"/>
            <a:alphaOff val="0"/>
          </a:schemeClr>
        </a:solidFill>
        <a:ln w="9525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8BB2B98-91EA-444C-B80C-180081F6E93A}">
      <dsp:nvSpPr>
        <dsp:cNvPr id="0" name=""/>
        <dsp:cNvSpPr/>
      </dsp:nvSpPr>
      <dsp:spPr>
        <a:xfrm>
          <a:off x="465618" y="1020709"/>
          <a:ext cx="6518661" cy="472320"/>
        </a:xfrm>
        <a:prstGeom prst="roundRect">
          <a:avLst/>
        </a:prstGeom>
        <a:gradFill rotWithShape="0">
          <a:gsLst>
            <a:gs pos="0">
              <a:schemeClr val="l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l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l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246390" tIns="0" rIns="24639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600" kern="1200" dirty="0"/>
            <a:t>A system dynamics investment model is built to assess investment flows based on levelized costs of competing technologies.</a:t>
          </a:r>
          <a:endParaRPr lang="en-US" sz="1600" kern="1200" dirty="0"/>
        </a:p>
      </dsp:txBody>
      <dsp:txXfrm>
        <a:off x="488675" y="1043766"/>
        <a:ext cx="6472547" cy="426206"/>
      </dsp:txXfrm>
    </dsp:sp>
    <dsp:sp modelId="{ED04F93D-9C64-4066-A843-A487FDCCE9D9}">
      <dsp:nvSpPr>
        <dsp:cNvPr id="0" name=""/>
        <dsp:cNvSpPr/>
      </dsp:nvSpPr>
      <dsp:spPr>
        <a:xfrm>
          <a:off x="0" y="1982629"/>
          <a:ext cx="9312374" cy="2268000"/>
        </a:xfrm>
        <a:prstGeom prst="rect">
          <a:avLst/>
        </a:prstGeom>
        <a:solidFill>
          <a:schemeClr val="accent3">
            <a:alpha val="90000"/>
            <a:tint val="40000"/>
            <a:hueOff val="0"/>
            <a:satOff val="0"/>
            <a:lumOff val="0"/>
            <a:alphaOff val="0"/>
          </a:schemeClr>
        </a:solidFill>
        <a:ln w="9525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22744" tIns="333248" rIns="722744" bIns="113792" numCol="1" spcCol="1270" anchor="t" anchorCtr="0">
          <a:noAutofit/>
        </a:bodyPr>
        <a:lstStyle/>
        <a:p>
          <a:pPr marL="171450" lvl="1" indent="-171450" algn="l" defTabSz="711200">
            <a:lnSpc>
              <a:spcPct val="15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600" kern="1200" dirty="0" err="1"/>
            <a:t>What</a:t>
          </a:r>
          <a:r>
            <a:rPr lang="da-DK" sz="1600" kern="1200" dirty="0"/>
            <a:t> </a:t>
          </a:r>
          <a:r>
            <a:rPr lang="da-DK" sz="1600" kern="1200" dirty="0" err="1"/>
            <a:t>level</a:t>
          </a:r>
          <a:r>
            <a:rPr lang="da-DK" sz="1600" kern="1200" dirty="0"/>
            <a:t> of diffusion of green hydrogen </a:t>
          </a:r>
          <a:r>
            <a:rPr lang="da-DK" sz="1600" kern="1200" dirty="0" err="1"/>
            <a:t>technologies</a:t>
          </a:r>
          <a:r>
            <a:rPr lang="da-DK" sz="1600" kern="1200" dirty="0"/>
            <a:t> </a:t>
          </a:r>
          <a:r>
            <a:rPr lang="da-DK" sz="1600" kern="1200" dirty="0" err="1"/>
            <a:t>can</a:t>
          </a:r>
          <a:r>
            <a:rPr lang="da-DK" sz="1600" kern="1200" dirty="0"/>
            <a:t> </a:t>
          </a:r>
          <a:r>
            <a:rPr lang="da-DK" sz="1600" kern="1200" dirty="0" err="1"/>
            <a:t>we</a:t>
          </a:r>
          <a:r>
            <a:rPr lang="da-DK" sz="1600" kern="1200" dirty="0"/>
            <a:t> </a:t>
          </a:r>
          <a:r>
            <a:rPr lang="da-DK" sz="1600" kern="1200" dirty="0" err="1"/>
            <a:t>expect</a:t>
          </a:r>
          <a:r>
            <a:rPr lang="da-DK" sz="1600" kern="1200" dirty="0"/>
            <a:t> in European </a:t>
          </a:r>
          <a:r>
            <a:rPr lang="da-DK" sz="1600" kern="1200" dirty="0" err="1"/>
            <a:t>industry</a:t>
          </a:r>
          <a:r>
            <a:rPr lang="da-DK" sz="1600" kern="1200" dirty="0"/>
            <a:t> and </a:t>
          </a:r>
          <a:r>
            <a:rPr lang="en-US" sz="1600" kern="1200" noProof="0" dirty="0"/>
            <a:t>transport</a:t>
          </a:r>
          <a:r>
            <a:rPr lang="da-DK" sz="1600" kern="1200" dirty="0"/>
            <a:t> </a:t>
          </a:r>
          <a:r>
            <a:rPr lang="en-GB" sz="1600" kern="1200" noProof="0" dirty="0"/>
            <a:t>sectors</a:t>
          </a:r>
          <a:r>
            <a:rPr lang="da-DK" sz="1600" kern="1200" dirty="0"/>
            <a:t>?</a:t>
          </a:r>
          <a:endParaRPr lang="en-US" sz="1600" kern="1200" dirty="0"/>
        </a:p>
        <a:p>
          <a:pPr marL="171450" lvl="1" indent="-171450" algn="l" defTabSz="711200">
            <a:lnSpc>
              <a:spcPct val="15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600" kern="1200" dirty="0"/>
            <a:t>How is a hydrogen demand </a:t>
          </a:r>
          <a:r>
            <a:rPr lang="da-DK" sz="1600" kern="1200" dirty="0" err="1"/>
            <a:t>curve</a:t>
          </a:r>
          <a:r>
            <a:rPr lang="da-DK" sz="1600" kern="1200" dirty="0"/>
            <a:t> </a:t>
          </a:r>
          <a:r>
            <a:rPr lang="da-DK" sz="1600" kern="1200" dirty="0" err="1"/>
            <a:t>established</a:t>
          </a:r>
          <a:r>
            <a:rPr lang="da-DK" sz="1600" kern="1200" dirty="0"/>
            <a:t> </a:t>
          </a:r>
          <a:r>
            <a:rPr lang="da-DK" sz="1600" kern="1200" dirty="0" err="1"/>
            <a:t>using</a:t>
          </a:r>
          <a:r>
            <a:rPr lang="da-DK" sz="1600" kern="1200" dirty="0"/>
            <a:t> simple </a:t>
          </a:r>
          <a:r>
            <a:rPr lang="da-DK" sz="1600" kern="1200" dirty="0" err="1"/>
            <a:t>cost</a:t>
          </a:r>
          <a:r>
            <a:rPr lang="da-DK" sz="1600" kern="1200" dirty="0"/>
            <a:t> </a:t>
          </a:r>
          <a:r>
            <a:rPr lang="da-DK" sz="1600" kern="1200" dirty="0" err="1"/>
            <a:t>projections</a:t>
          </a:r>
          <a:r>
            <a:rPr lang="da-DK" sz="1600" kern="1200" dirty="0"/>
            <a:t> and a system </a:t>
          </a:r>
          <a:r>
            <a:rPr lang="da-DK" sz="1600" kern="1200" dirty="0" err="1"/>
            <a:t>dynamics</a:t>
          </a:r>
          <a:r>
            <a:rPr lang="da-DK" sz="1600" kern="1200" dirty="0"/>
            <a:t> diffusion model framework?</a:t>
          </a:r>
          <a:endParaRPr lang="en-US" sz="1600" kern="1200" dirty="0"/>
        </a:p>
        <a:p>
          <a:pPr marL="171450" lvl="1" indent="-171450" algn="l" defTabSz="711200">
            <a:lnSpc>
              <a:spcPct val="15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600" kern="1200" dirty="0" err="1"/>
            <a:t>What</a:t>
          </a:r>
          <a:r>
            <a:rPr lang="da-DK" sz="1600" kern="1200" dirty="0"/>
            <a:t> </a:t>
          </a:r>
          <a:r>
            <a:rPr lang="da-DK" sz="1600" kern="1200" dirty="0" err="1"/>
            <a:t>are</a:t>
          </a:r>
          <a:r>
            <a:rPr lang="da-DK" sz="1600" kern="1200" dirty="0"/>
            <a:t> the </a:t>
          </a:r>
          <a:r>
            <a:rPr lang="da-DK" sz="1600" kern="1200" dirty="0" err="1"/>
            <a:t>sector</a:t>
          </a:r>
          <a:r>
            <a:rPr lang="da-DK" sz="1600" kern="1200" dirty="0"/>
            <a:t> </a:t>
          </a:r>
          <a:r>
            <a:rPr lang="da-DK" sz="1600" kern="1200" dirty="0" err="1"/>
            <a:t>specific</a:t>
          </a:r>
          <a:r>
            <a:rPr lang="da-DK" sz="1600" kern="1200" dirty="0"/>
            <a:t> </a:t>
          </a:r>
          <a:r>
            <a:rPr lang="da-DK" sz="1600" kern="1200" dirty="0" err="1"/>
            <a:t>willingness</a:t>
          </a:r>
          <a:r>
            <a:rPr lang="da-DK" sz="1600" kern="1200" dirty="0"/>
            <a:t>-to-pay for green hydrogen?</a:t>
          </a:r>
          <a:endParaRPr lang="en-US" sz="1600" kern="1200" dirty="0"/>
        </a:p>
      </dsp:txBody>
      <dsp:txXfrm>
        <a:off x="0" y="1982629"/>
        <a:ext cx="9312374" cy="2268000"/>
      </dsp:txXfrm>
    </dsp:sp>
    <dsp:sp modelId="{020585FA-08FB-4F8D-B7C1-0352B301C0A2}">
      <dsp:nvSpPr>
        <dsp:cNvPr id="0" name=""/>
        <dsp:cNvSpPr/>
      </dsp:nvSpPr>
      <dsp:spPr>
        <a:xfrm>
          <a:off x="465618" y="1746469"/>
          <a:ext cx="6518661" cy="472320"/>
        </a:xfrm>
        <a:prstGeom prst="roundRect">
          <a:avLst/>
        </a:prstGeom>
        <a:gradFill rotWithShape="0">
          <a:gsLst>
            <a:gs pos="0">
              <a:schemeClr val="l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l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l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246390" tIns="0" rIns="24639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600" kern="1200"/>
            <a:t>RQ proposals:</a:t>
          </a:r>
          <a:endParaRPr lang="en-US" sz="1600" kern="1200"/>
        </a:p>
      </dsp:txBody>
      <dsp:txXfrm>
        <a:off x="488675" y="1769526"/>
        <a:ext cx="6472547" cy="42620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lProcess2">
  <dgm:title val=""/>
  <dgm:desc val=""/>
  <dgm:catLst>
    <dgm:cat type="list" pri="10000"/>
    <dgm:cat type="relationship" pri="13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14" srcId="1" destId="12" srcOrd="0" destOrd="0"/>
        <dgm:cxn modelId="23" srcId="2" destId="21" srcOrd="0" destOrd="0"/>
        <dgm:cxn modelId="24" srcId="2" destId="22" srcOrd="0" destOrd="0"/>
        <dgm:cxn modelId="33" srcId="3" destId="31" srcOrd="0" destOrd="0"/>
        <dgm:cxn modelId="34" srcId="3" destId="32" srcOrd="0" destOrd="0"/>
      </dgm:cxnLst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theList">
    <dgm:varLst>
      <dgm:dir/>
      <dgm:animLvl val="lvl"/>
      <dgm:resizeHandles val="exact"/>
    </dgm:varLst>
    <dgm:choose name="Name0">
      <dgm:if name="Name1" func="var" arg="dir" op="equ" val="norm">
        <dgm:alg type="lin"/>
      </dgm:if>
      <dgm:else name="Name2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compNode" refType="w"/>
      <dgm:constr type="h" for="ch" forName="compNode" refType="h"/>
      <dgm:constr type="w" for="ch" forName="aSpace" refType="w" fact="0.075"/>
      <dgm:constr type="h" for="des" forName="aSpace2" refType="h" fact="0.1"/>
      <dgm:constr type="primFontSz" for="des" forName="textNode" op="equ"/>
      <dgm:constr type="primFontSz" for="des" forName="childNode" op="equ"/>
    </dgm:constrLst>
    <dgm:ruleLst/>
    <dgm:forEach name="aNodeForEach" axis="ch" ptType="node">
      <dgm:layoutNode name="compNode">
        <dgm:alg type="composite"/>
        <dgm:shape xmlns:r="http://schemas.openxmlformats.org/officeDocument/2006/relationships" r:blip="">
          <dgm:adjLst/>
        </dgm:shape>
        <dgm:presOf/>
        <dgm:constrLst>
          <dgm:constr type="w" for="ch" forName="aNode" refType="w"/>
          <dgm:constr type="h" for="ch" forName="aNode" refType="h"/>
          <dgm:constr type="w" for="ch" forName="textNode" refType="w"/>
          <dgm:constr type="h" for="ch" forName="textNode" refType="h" fact="0.3"/>
          <dgm:constr type="ctrX" for="ch" forName="textNode" refType="w" fact="0.5"/>
          <dgm:constr type="w" for="ch" forName="compChildNode" refType="w" fact="0.8"/>
          <dgm:constr type="h" for="ch" forName="compChildNode" refType="h" fact="0.65"/>
          <dgm:constr type="t" for="ch" forName="compChildNode" refType="h" fact="0.3"/>
          <dgm:constr type="ctrX" for="ch" forName="compChildNode" refType="w" fact="0.5"/>
        </dgm:constrLst>
        <dgm:ruleLst/>
        <dgm:layoutNode name="aNode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 axis="self"/>
          <dgm:constrLst/>
          <dgm:ruleLst/>
        </dgm:layoutNode>
        <dgm:layoutNode name="textNode" styleLbl="bgShp">
          <dgm:alg type="tx"/>
          <dgm:shape xmlns:r="http://schemas.openxmlformats.org/officeDocument/2006/relationships" type="rect" r:blip="" hideGeom="1">
            <dgm:adjLst>
              <dgm:adj idx="1" val="0.1"/>
            </dgm:adjLst>
          </dgm:shape>
          <dgm:presOf axis="self"/>
          <dgm:constrLst>
            <dgm:constr type="primFontSz" val="65"/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  <dgm:layoutNode name="compChildNode">
          <dgm:alg type="composite"/>
          <dgm:shape xmlns:r="http://schemas.openxmlformats.org/officeDocument/2006/relationships" r:blip="">
            <dgm:adjLst/>
          </dgm:shape>
          <dgm:presOf/>
          <dgm:constrLst>
            <dgm:constr type="w" for="des" forName="childNode" refType="w"/>
            <dgm:constr type="h" for="des" forName="childNode" refType="h"/>
          </dgm:constrLst>
          <dgm:ruleLst/>
          <dgm:layoutNode name="theInnerList">
            <dgm:alg type="lin">
              <dgm:param type="linDir" val="fromT"/>
            </dgm:alg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childNodeForEach" axis="ch" ptType="node">
              <dgm:layoutNode name="childNode" styleLbl="node1">
                <dgm:varLst>
                  <dgm:bulletEnabled val="1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desOrSelf" ptType="node"/>
                <dgm:constrLst>
                  <dgm:constr type="primFontSz" val="65"/>
                  <dgm:constr type="tMarg" refType="primFontSz" fact="0.15"/>
                  <dgm:constr type="bMarg" refType="primFontSz" fact="0.15"/>
                  <dgm:constr type="lMarg" refType="primFontSz" fact="0.2"/>
                  <dgm:constr type="rMarg" refType="primFontSz" fact="0.2"/>
                </dgm:constrLst>
                <dgm:ruleLst>
                  <dgm:rule type="primFontSz" val="5" fact="NaN" max="NaN"/>
                </dgm:ruleLst>
              </dgm:layoutNode>
              <dgm:choose name="Name3">
                <dgm:if name="Name4" axis="self" ptType="node" func="revPos" op="equ" val="1"/>
                <dgm:else name="Name5">
                  <dgm:layoutNode name="aSpace2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else>
              </dgm:choose>
            </dgm:forEach>
          </dgm:layoutNode>
        </dgm:layoutNode>
      </dgm:layoutNode>
      <dgm:choose name="Name6">
        <dgm:if name="Name7" axis="self" ptType="node" func="revPos" op="equ" val="1"/>
        <dgm:else name="Name8">
          <dgm:layoutNode name="aSpace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else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3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9C73EA-60D6-33B3-047E-56742B6E43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Subsidizing</a:t>
            </a:r>
            <a:r>
              <a:rPr lang="da-DK" dirty="0"/>
              <a:t> the </a:t>
            </a:r>
            <a:r>
              <a:rPr lang="da-DK" dirty="0" err="1"/>
              <a:t>production</a:t>
            </a:r>
            <a:r>
              <a:rPr lang="da-DK" dirty="0"/>
              <a:t> of green hydrogen 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F31EDAD-6403-CE22-EA76-88D1931A2CB3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982638" y="1706399"/>
            <a:ext cx="3931167" cy="4546800"/>
          </a:xfrm>
        </p:spPr>
        <p:txBody>
          <a:bodyPr/>
          <a:lstStyle/>
          <a:p>
            <a:r>
              <a:rPr lang="da-DK" dirty="0"/>
              <a:t>A </a:t>
            </a:r>
            <a:r>
              <a:rPr lang="da-DK" dirty="0" err="1"/>
              <a:t>literature</a:t>
            </a:r>
            <a:r>
              <a:rPr lang="da-DK" dirty="0"/>
              <a:t> </a:t>
            </a:r>
            <a:r>
              <a:rPr lang="da-DK" dirty="0" err="1"/>
              <a:t>review</a:t>
            </a:r>
            <a:r>
              <a:rPr lang="da-DK" dirty="0"/>
              <a:t> of </a:t>
            </a:r>
            <a:r>
              <a:rPr lang="da-DK" dirty="0" err="1"/>
              <a:t>other</a:t>
            </a:r>
            <a:r>
              <a:rPr lang="da-DK" dirty="0"/>
              <a:t> studies’ green hydrogen demand </a:t>
            </a:r>
            <a:r>
              <a:rPr lang="da-DK" dirty="0" err="1"/>
              <a:t>projections</a:t>
            </a:r>
            <a:r>
              <a:rPr lang="da-DK" dirty="0"/>
              <a:t>, show </a:t>
            </a:r>
            <a:r>
              <a:rPr lang="da-DK" dirty="0" err="1"/>
              <a:t>that</a:t>
            </a:r>
            <a:r>
              <a:rPr lang="da-DK" dirty="0"/>
              <a:t> the base case hydrogen demand is </a:t>
            </a:r>
            <a:r>
              <a:rPr lang="da-DK" dirty="0" err="1"/>
              <a:t>significantly</a:t>
            </a:r>
            <a:r>
              <a:rPr lang="da-DK" dirty="0"/>
              <a:t> </a:t>
            </a:r>
            <a:r>
              <a:rPr lang="da-DK" dirty="0" err="1"/>
              <a:t>lower</a:t>
            </a:r>
            <a:r>
              <a:rPr lang="da-DK" dirty="0"/>
              <a:t> </a:t>
            </a:r>
            <a:r>
              <a:rPr lang="da-DK" dirty="0" err="1"/>
              <a:t>than</a:t>
            </a:r>
            <a:r>
              <a:rPr lang="da-DK" dirty="0"/>
              <a:t>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other</a:t>
            </a:r>
            <a:r>
              <a:rPr lang="da-DK" dirty="0"/>
              <a:t> studies </a:t>
            </a:r>
            <a:r>
              <a:rPr lang="da-DK" dirty="0" err="1"/>
              <a:t>estimate</a:t>
            </a:r>
            <a:r>
              <a:rPr lang="da-DK" dirty="0"/>
              <a:t>.</a:t>
            </a:r>
          </a:p>
          <a:p>
            <a:endParaRPr lang="da-DK" dirty="0"/>
          </a:p>
          <a:p>
            <a:r>
              <a:rPr lang="da-DK" dirty="0"/>
              <a:t>A 3 €/kg </a:t>
            </a:r>
            <a:r>
              <a:rPr lang="da-DK" dirty="0" err="1"/>
              <a:t>subsidy</a:t>
            </a:r>
            <a:r>
              <a:rPr lang="da-DK" dirty="0"/>
              <a:t> from 2025 to 2035 is </a:t>
            </a:r>
            <a:r>
              <a:rPr lang="da-DK" dirty="0" err="1"/>
              <a:t>introduced</a:t>
            </a:r>
            <a:r>
              <a:rPr lang="da-DK" dirty="0"/>
              <a:t>.</a:t>
            </a:r>
          </a:p>
          <a:p>
            <a:endParaRPr lang="da-DK" dirty="0"/>
          </a:p>
          <a:p>
            <a:r>
              <a:rPr lang="da-DK" dirty="0" err="1"/>
              <a:t>Induces</a:t>
            </a:r>
            <a:r>
              <a:rPr lang="da-DK" dirty="0"/>
              <a:t> a large boost of green H2 adoption,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ends</a:t>
            </a:r>
            <a:r>
              <a:rPr lang="da-DK" dirty="0"/>
              <a:t> up in line with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other</a:t>
            </a:r>
            <a:r>
              <a:rPr lang="da-DK" dirty="0"/>
              <a:t> studies </a:t>
            </a:r>
            <a:r>
              <a:rPr lang="da-DK" dirty="0" err="1"/>
              <a:t>predict</a:t>
            </a:r>
            <a:r>
              <a:rPr lang="da-DK" dirty="0"/>
              <a:t>.</a:t>
            </a:r>
            <a:endParaRPr lang="en-US" dirty="0"/>
          </a:p>
        </p:txBody>
      </p:sp>
      <p:pic>
        <p:nvPicPr>
          <p:cNvPr id="7" name="Content Placeholder 6" descr="A graph showing the results of a hydrogen demand&#10;&#10;Description automatically generated with medium confidence">
            <a:extLst>
              <a:ext uri="{FF2B5EF4-FFF2-40B4-BE49-F238E27FC236}">
                <a16:creationId xmlns:a16="http://schemas.microsoft.com/office/drawing/2014/main" id="{80DFB2E3-B8D2-22A6-BB73-3F87C0F8DEF2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13805" y="1556792"/>
            <a:ext cx="6959106" cy="4248472"/>
          </a:xfr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F081087-F60B-A965-E3F1-31039DE032E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364408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74F4003-B637-0ED0-0146-143C48563B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Investigating</a:t>
            </a:r>
            <a:r>
              <a:rPr lang="da-DK" dirty="0"/>
              <a:t> the </a:t>
            </a:r>
            <a:r>
              <a:rPr lang="da-DK" dirty="0" err="1"/>
              <a:t>likely</a:t>
            </a:r>
            <a:r>
              <a:rPr lang="da-DK" dirty="0"/>
              <a:t> range of 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2A7DD82-7846-99B5-7793-6C4C74D51E74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da-DK" dirty="0"/>
              <a:t>Distribution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based</a:t>
            </a:r>
            <a:r>
              <a:rPr lang="da-DK" dirty="0"/>
              <a:t> on Monte Carlo simulations of the system </a:t>
            </a:r>
            <a:r>
              <a:rPr lang="da-DK" dirty="0" err="1"/>
              <a:t>dynamics</a:t>
            </a:r>
            <a:r>
              <a:rPr lang="da-DK" dirty="0"/>
              <a:t> model by </a:t>
            </a:r>
            <a:r>
              <a:rPr lang="da-DK" dirty="0" err="1"/>
              <a:t>varying</a:t>
            </a:r>
            <a:r>
              <a:rPr lang="da-DK" dirty="0"/>
              <a:t> the 8 most </a:t>
            </a:r>
            <a:r>
              <a:rPr lang="da-DK" dirty="0" err="1"/>
              <a:t>influential</a:t>
            </a:r>
            <a:r>
              <a:rPr lang="da-DK" dirty="0"/>
              <a:t> model parameters and </a:t>
            </a:r>
            <a:r>
              <a:rPr lang="da-DK" dirty="0" err="1"/>
              <a:t>assumptions</a:t>
            </a:r>
            <a:r>
              <a:rPr lang="da-DK" dirty="0"/>
              <a:t>.</a:t>
            </a:r>
          </a:p>
          <a:p>
            <a:endParaRPr lang="da-DK" dirty="0"/>
          </a:p>
          <a:p>
            <a:r>
              <a:rPr lang="da-DK" dirty="0"/>
              <a:t>The </a:t>
            </a:r>
            <a:r>
              <a:rPr lang="da-DK" dirty="0" err="1"/>
              <a:t>thick</a:t>
            </a:r>
            <a:r>
              <a:rPr lang="da-DK" dirty="0"/>
              <a:t> lines </a:t>
            </a:r>
            <a:r>
              <a:rPr lang="da-DK" dirty="0" err="1"/>
              <a:t>represent</a:t>
            </a:r>
            <a:r>
              <a:rPr lang="da-DK" dirty="0"/>
              <a:t> the base case hydrogen demand </a:t>
            </a:r>
            <a:r>
              <a:rPr lang="da-DK" dirty="0" err="1"/>
              <a:t>projection</a:t>
            </a:r>
            <a:r>
              <a:rPr lang="da-DK" dirty="0"/>
              <a:t> with and </a:t>
            </a:r>
            <a:r>
              <a:rPr lang="da-DK" dirty="0" err="1"/>
              <a:t>without</a:t>
            </a:r>
            <a:r>
              <a:rPr lang="da-DK" dirty="0"/>
              <a:t> </a:t>
            </a:r>
            <a:r>
              <a:rPr lang="da-DK" dirty="0" err="1"/>
              <a:t>subsidies</a:t>
            </a:r>
            <a:r>
              <a:rPr lang="da-DK" dirty="0"/>
              <a:t>.</a:t>
            </a:r>
          </a:p>
          <a:p>
            <a:endParaRPr lang="da-DK" dirty="0"/>
          </a:p>
          <a:p>
            <a:r>
              <a:rPr lang="da-DK" dirty="0"/>
              <a:t>The model </a:t>
            </a:r>
            <a:r>
              <a:rPr lang="da-DK" dirty="0" err="1"/>
              <a:t>results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much</a:t>
            </a:r>
            <a:r>
              <a:rPr lang="da-DK" dirty="0"/>
              <a:t> more volatile </a:t>
            </a:r>
            <a:r>
              <a:rPr lang="da-DK" dirty="0" err="1"/>
              <a:t>when</a:t>
            </a:r>
            <a:r>
              <a:rPr lang="da-DK" dirty="0"/>
              <a:t> </a:t>
            </a:r>
            <a:r>
              <a:rPr lang="da-DK" dirty="0" err="1"/>
              <a:t>introduced</a:t>
            </a:r>
            <a:r>
              <a:rPr lang="da-DK" dirty="0"/>
              <a:t> to a large ‘</a:t>
            </a:r>
            <a:r>
              <a:rPr lang="da-DK" dirty="0" err="1"/>
              <a:t>market</a:t>
            </a:r>
            <a:r>
              <a:rPr lang="da-DK" dirty="0"/>
              <a:t> </a:t>
            </a:r>
            <a:r>
              <a:rPr lang="da-DK" dirty="0" err="1"/>
              <a:t>disturbance</a:t>
            </a:r>
            <a:r>
              <a:rPr lang="da-DK" dirty="0"/>
              <a:t>’ </a:t>
            </a:r>
            <a:r>
              <a:rPr lang="da-DK" dirty="0" err="1"/>
              <a:t>such</a:t>
            </a:r>
            <a:r>
              <a:rPr lang="da-DK" dirty="0"/>
              <a:t> as the </a:t>
            </a:r>
            <a:r>
              <a:rPr lang="da-DK" dirty="0" err="1"/>
              <a:t>subsidy</a:t>
            </a:r>
            <a:r>
              <a:rPr lang="da-DK" dirty="0"/>
              <a:t>.</a:t>
            </a:r>
          </a:p>
        </p:txBody>
      </p:sp>
      <p:pic>
        <p:nvPicPr>
          <p:cNvPr id="7" name="Content Placeholder 6" descr="A graph of a diagram&#10;&#10;Description automatically generated with medium confidence">
            <a:extLst>
              <a:ext uri="{FF2B5EF4-FFF2-40B4-BE49-F238E27FC236}">
                <a16:creationId xmlns:a16="http://schemas.microsoft.com/office/drawing/2014/main" id="{598F8B5C-4F48-B743-1D7F-C951458A4311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9222" y="2060848"/>
            <a:ext cx="5705819" cy="3575731"/>
          </a:xfr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9636DBE-8C3D-B2D1-AF8E-9C54C6223D6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253429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F795F5C-089F-D263-EF02-FDCE91611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Establishing</a:t>
            </a:r>
            <a:r>
              <a:rPr lang="da-DK" dirty="0"/>
              <a:t> a CO2 emissions demand </a:t>
            </a:r>
            <a:r>
              <a:rPr lang="da-DK" dirty="0" err="1"/>
              <a:t>curve</a:t>
            </a:r>
            <a:r>
              <a:rPr lang="da-DK" dirty="0"/>
              <a:t> for </a:t>
            </a:r>
            <a:r>
              <a:rPr lang="da-DK" dirty="0" err="1"/>
              <a:t>conventional</a:t>
            </a:r>
            <a:r>
              <a:rPr lang="da-DK" dirty="0"/>
              <a:t> </a:t>
            </a:r>
            <a:r>
              <a:rPr lang="da-DK" dirty="0" err="1"/>
              <a:t>technologies</a:t>
            </a:r>
            <a:endParaRPr lang="en-US" dirty="0"/>
          </a:p>
        </p:txBody>
      </p:sp>
      <p:pic>
        <p:nvPicPr>
          <p:cNvPr id="7" name="Content Placeholder 6" descr="A graph of different colored bars&#10;&#10;Description automatically generated">
            <a:extLst>
              <a:ext uri="{FF2B5EF4-FFF2-40B4-BE49-F238E27FC236}">
                <a16:creationId xmlns:a16="http://schemas.microsoft.com/office/drawing/2014/main" id="{D1112E14-71FF-2697-7FA4-FBF4D94FCE16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8677" y="1772816"/>
            <a:ext cx="9973058" cy="4450839"/>
          </a:xfr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A05157-24B7-3F0A-7425-D14EB3B5EBA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127278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Green hydrogen demand projection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A system dynamics approach at establishing sectoral green hydrogen demand curv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Two-fold motiva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graphicFrame>
        <p:nvGraphicFramePr>
          <p:cNvPr id="8" name="Content Placeholder 5">
            <a:extLst>
              <a:ext uri="{FF2B5EF4-FFF2-40B4-BE49-F238E27FC236}">
                <a16:creationId xmlns:a16="http://schemas.microsoft.com/office/drawing/2014/main" id="{E0622889-FA47-E219-3F9C-F13EE3C5DD42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074218701"/>
              </p:ext>
            </p:extLst>
          </p:nvPr>
        </p:nvGraphicFramePr>
        <p:xfrm>
          <a:off x="1774726" y="1844824"/>
          <a:ext cx="9145016" cy="44070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58EC46-96D6-7BFC-D5D8-2BDC28659D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Research </a:t>
            </a:r>
            <a:r>
              <a:rPr lang="da-DK" dirty="0" err="1"/>
              <a:t>question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0DDCE4-033B-57DB-5AF7-5286F2D16D1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graphicFrame>
        <p:nvGraphicFramePr>
          <p:cNvPr id="6" name="Content Placeholder 2">
            <a:extLst>
              <a:ext uri="{FF2B5EF4-FFF2-40B4-BE49-F238E27FC236}">
                <a16:creationId xmlns:a16="http://schemas.microsoft.com/office/drawing/2014/main" id="{8B7EB042-7F96-320C-2750-E3225881364E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129164997"/>
              </p:ext>
            </p:extLst>
          </p:nvPr>
        </p:nvGraphicFramePr>
        <p:xfrm>
          <a:off x="1774726" y="1706328"/>
          <a:ext cx="9312374" cy="454557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29915101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C13170-AB60-D1E3-2637-8ED47258AB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thodolog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60990BC-AC7A-55C3-0B6E-E3FCF1E020C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4320480" cy="4545578"/>
          </a:xfrm>
        </p:spPr>
        <p:txBody>
          <a:bodyPr/>
          <a:lstStyle/>
          <a:p>
            <a:r>
              <a:rPr lang="da-DK" dirty="0" err="1"/>
              <a:t>Focusing</a:t>
            </a:r>
            <a:r>
              <a:rPr lang="da-DK" dirty="0"/>
              <a:t> on </a:t>
            </a:r>
            <a:r>
              <a:rPr lang="da-DK" dirty="0" err="1"/>
              <a:t>sectors</a:t>
            </a:r>
            <a:r>
              <a:rPr lang="da-DK" dirty="0"/>
              <a:t>, </a:t>
            </a:r>
            <a:r>
              <a:rPr lang="da-DK" dirty="0" err="1"/>
              <a:t>where</a:t>
            </a:r>
            <a:r>
              <a:rPr lang="da-DK" dirty="0"/>
              <a:t> hydrogen is </a:t>
            </a:r>
            <a:r>
              <a:rPr lang="da-DK" dirty="0" err="1"/>
              <a:t>expected</a:t>
            </a:r>
            <a:r>
              <a:rPr lang="da-DK" dirty="0"/>
              <a:t> to </a:t>
            </a:r>
            <a:r>
              <a:rPr lang="da-DK" dirty="0" err="1"/>
              <a:t>play</a:t>
            </a:r>
            <a:r>
              <a:rPr lang="da-DK" dirty="0"/>
              <a:t> a </a:t>
            </a:r>
            <a:r>
              <a:rPr lang="da-DK" dirty="0" err="1"/>
              <a:t>role</a:t>
            </a:r>
            <a:r>
              <a:rPr lang="da-DK" dirty="0"/>
              <a:t>.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da-DK" dirty="0"/>
              <a:t>Shipping, </a:t>
            </a:r>
            <a:r>
              <a:rPr lang="da-DK" dirty="0" err="1"/>
              <a:t>ammonia</a:t>
            </a:r>
            <a:r>
              <a:rPr lang="da-DK" dirty="0"/>
              <a:t> for </a:t>
            </a:r>
            <a:r>
              <a:rPr lang="da-DK" dirty="0" err="1"/>
              <a:t>fertilizers</a:t>
            </a:r>
            <a:r>
              <a:rPr lang="da-DK" dirty="0"/>
              <a:t>, </a:t>
            </a:r>
            <a:r>
              <a:rPr lang="da-DK" dirty="0" err="1"/>
              <a:t>steel</a:t>
            </a:r>
            <a:r>
              <a:rPr lang="da-DK" dirty="0"/>
              <a:t> </a:t>
            </a:r>
            <a:r>
              <a:rPr lang="da-DK" dirty="0" err="1"/>
              <a:t>production</a:t>
            </a:r>
            <a:r>
              <a:rPr lang="da-DK" dirty="0"/>
              <a:t>, etc.</a:t>
            </a:r>
          </a:p>
          <a:p>
            <a:endParaRPr lang="da-DK" dirty="0"/>
          </a:p>
          <a:p>
            <a:r>
              <a:rPr lang="da-DK" dirty="0"/>
              <a:t>System </a:t>
            </a:r>
            <a:r>
              <a:rPr lang="da-DK" dirty="0" err="1"/>
              <a:t>dynamics</a:t>
            </a:r>
            <a:r>
              <a:rPr lang="da-DK" dirty="0"/>
              <a:t> model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parallellizes</a:t>
            </a:r>
            <a:r>
              <a:rPr lang="da-DK" dirty="0"/>
              <a:t> </a:t>
            </a:r>
            <a:r>
              <a:rPr lang="da-DK" dirty="0" err="1"/>
              <a:t>each</a:t>
            </a:r>
            <a:r>
              <a:rPr lang="da-DK" dirty="0"/>
              <a:t> </a:t>
            </a:r>
            <a:r>
              <a:rPr lang="da-DK" dirty="0" err="1"/>
              <a:t>sector’s</a:t>
            </a:r>
            <a:r>
              <a:rPr lang="da-DK" dirty="0"/>
              <a:t> ‘separate’ transition.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da-DK" dirty="0" err="1"/>
              <a:t>Induces</a:t>
            </a:r>
            <a:r>
              <a:rPr lang="da-DK" dirty="0"/>
              <a:t> a ”Total green H2 demand” </a:t>
            </a:r>
            <a:r>
              <a:rPr lang="da-DK" dirty="0" err="1"/>
              <a:t>which</a:t>
            </a:r>
            <a:r>
              <a:rPr lang="da-DK" dirty="0"/>
              <a:t> drives an </a:t>
            </a:r>
            <a:r>
              <a:rPr lang="da-DK" dirty="0" err="1"/>
              <a:t>endogenous</a:t>
            </a:r>
            <a:r>
              <a:rPr lang="da-DK" dirty="0"/>
              <a:t>, </a:t>
            </a:r>
            <a:r>
              <a:rPr lang="da-DK" dirty="0" err="1"/>
              <a:t>shared</a:t>
            </a:r>
            <a:r>
              <a:rPr lang="da-DK" dirty="0"/>
              <a:t> learning </a:t>
            </a:r>
            <a:r>
              <a:rPr lang="da-DK" dirty="0" err="1"/>
              <a:t>curve</a:t>
            </a:r>
            <a:r>
              <a:rPr lang="da-DK" dirty="0"/>
              <a:t> for </a:t>
            </a:r>
            <a:r>
              <a:rPr lang="da-DK" dirty="0" err="1"/>
              <a:t>electrolysis</a:t>
            </a:r>
            <a:r>
              <a:rPr lang="da-DK" dirty="0"/>
              <a:t>.</a:t>
            </a:r>
          </a:p>
          <a:p>
            <a:endParaRPr lang="da-DK" dirty="0"/>
          </a:p>
          <a:p>
            <a:r>
              <a:rPr lang="da-DK" dirty="0" err="1"/>
              <a:t>Cost</a:t>
            </a:r>
            <a:r>
              <a:rPr lang="da-DK" dirty="0"/>
              <a:t> driven model, </a:t>
            </a:r>
            <a:r>
              <a:rPr lang="da-DK" dirty="0" err="1"/>
              <a:t>also</a:t>
            </a:r>
            <a:r>
              <a:rPr lang="da-DK" dirty="0"/>
              <a:t> </a:t>
            </a:r>
            <a:r>
              <a:rPr lang="da-DK" dirty="0" err="1"/>
              <a:t>incorporating</a:t>
            </a:r>
            <a:r>
              <a:rPr lang="da-DK" dirty="0"/>
              <a:t> system ‘</a:t>
            </a:r>
            <a:r>
              <a:rPr lang="da-DK" dirty="0" err="1"/>
              <a:t>inertia</a:t>
            </a:r>
            <a:r>
              <a:rPr lang="da-DK" dirty="0"/>
              <a:t>’, </a:t>
            </a:r>
            <a:r>
              <a:rPr lang="da-DK" dirty="0" err="1"/>
              <a:t>technology</a:t>
            </a:r>
            <a:r>
              <a:rPr lang="da-DK" dirty="0"/>
              <a:t> </a:t>
            </a:r>
            <a:r>
              <a:rPr lang="da-DK" dirty="0" err="1"/>
              <a:t>acceptance</a:t>
            </a:r>
            <a:r>
              <a:rPr lang="da-DK" dirty="0"/>
              <a:t>, and </a:t>
            </a:r>
            <a:r>
              <a:rPr lang="da-DK" dirty="0" err="1"/>
              <a:t>behavioural</a:t>
            </a:r>
            <a:r>
              <a:rPr lang="da-DK" dirty="0"/>
              <a:t> </a:t>
            </a:r>
            <a:r>
              <a:rPr lang="da-DK" dirty="0" err="1"/>
              <a:t>aspects</a:t>
            </a:r>
            <a:r>
              <a:rPr lang="da-DK" dirty="0"/>
              <a:t>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3362B7-E36C-FECE-A5B3-12A99741436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0" name="Picture 9" descr="A diagram of a diagram&#10;&#10;Description automatically generated">
            <a:extLst>
              <a:ext uri="{FF2B5EF4-FFF2-40B4-BE49-F238E27FC236}">
                <a16:creationId xmlns:a16="http://schemas.microsoft.com/office/drawing/2014/main" id="{05BC7357-6F2C-20BA-B473-7961E38426A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098"/>
          <a:stretch/>
        </p:blipFill>
        <p:spPr>
          <a:xfrm>
            <a:off x="6490585" y="764704"/>
            <a:ext cx="5699828" cy="4950851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5343D98F-4837-2FFC-DE0F-5D6022850235}"/>
              </a:ext>
            </a:extLst>
          </p:cNvPr>
          <p:cNvSpPr txBox="1"/>
          <p:nvPr/>
        </p:nvSpPr>
        <p:spPr>
          <a:xfrm>
            <a:off x="6490585" y="5733256"/>
            <a:ext cx="569982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i="1" dirty="0">
                <a:latin typeface="+mn-lt"/>
              </a:rPr>
              <a:t>Main feedback loop in the system </a:t>
            </a:r>
            <a:r>
              <a:rPr lang="da-DK" i="1" dirty="0" err="1">
                <a:latin typeface="+mn-lt"/>
              </a:rPr>
              <a:t>dynamics</a:t>
            </a:r>
            <a:r>
              <a:rPr lang="da-DK" i="1" dirty="0">
                <a:latin typeface="+mn-lt"/>
              </a:rPr>
              <a:t> model.</a:t>
            </a:r>
          </a:p>
        </p:txBody>
      </p:sp>
    </p:spTree>
    <p:extLst>
      <p:ext uri="{BB962C8B-B14F-4D97-AF65-F5344CB8AC3E}">
        <p14:creationId xmlns:p14="http://schemas.microsoft.com/office/powerpoint/2010/main" val="256444104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96555D-3E7C-3E53-4977-C545A159AF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jecting</a:t>
            </a:r>
            <a:r>
              <a:rPr lang="da-DK" dirty="0"/>
              <a:t> the </a:t>
            </a:r>
            <a:r>
              <a:rPr lang="en-US" dirty="0"/>
              <a:t>sectoral</a:t>
            </a:r>
            <a:r>
              <a:rPr lang="da-DK" dirty="0"/>
              <a:t> </a:t>
            </a:r>
            <a:r>
              <a:rPr lang="da-DK" dirty="0" err="1"/>
              <a:t>technology</a:t>
            </a:r>
            <a:r>
              <a:rPr lang="da-DK" dirty="0"/>
              <a:t> </a:t>
            </a:r>
            <a:r>
              <a:rPr lang="da-DK" dirty="0" err="1"/>
              <a:t>costs</a:t>
            </a:r>
            <a:endParaRPr lang="da-DK" dirty="0"/>
          </a:p>
        </p:txBody>
      </p:sp>
      <p:pic>
        <p:nvPicPr>
          <p:cNvPr id="6" name="Content Placeholder 5" descr="A graph of different types of plants&#10;&#10;Description automatically generated with medium confidence">
            <a:extLst>
              <a:ext uri="{FF2B5EF4-FFF2-40B4-BE49-F238E27FC236}">
                <a16:creationId xmlns:a16="http://schemas.microsoft.com/office/drawing/2014/main" id="{3193799F-6986-BD62-0D84-D689A4D1C1FA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63712" y="1556792"/>
            <a:ext cx="9175338" cy="4545012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F94F23-1EC6-E89E-FAFA-C1B027705E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6C68BBB6-B163-7050-661D-94527E3E0220}"/>
              </a:ext>
            </a:extLst>
          </p:cNvPr>
          <p:cNvSpPr txBox="1">
            <a:spLocks/>
          </p:cNvSpPr>
          <p:nvPr/>
        </p:nvSpPr>
        <p:spPr bwMode="auto">
          <a:xfrm>
            <a:off x="406574" y="1775924"/>
            <a:ext cx="2357138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da-DK" kern="0" dirty="0" err="1"/>
              <a:t>Projections</a:t>
            </a:r>
            <a:r>
              <a:rPr lang="da-DK" kern="0" dirty="0"/>
              <a:t> </a:t>
            </a:r>
            <a:r>
              <a:rPr lang="da-DK" kern="0" dirty="0" err="1"/>
              <a:t>are</a:t>
            </a:r>
            <a:r>
              <a:rPr lang="da-DK" kern="0" dirty="0"/>
              <a:t> </a:t>
            </a:r>
            <a:r>
              <a:rPr lang="da-DK" kern="0" dirty="0" err="1"/>
              <a:t>based</a:t>
            </a:r>
            <a:r>
              <a:rPr lang="da-DK" kern="0" dirty="0"/>
              <a:t> on </a:t>
            </a:r>
            <a:r>
              <a:rPr lang="da-DK" kern="0" dirty="0" err="1"/>
              <a:t>assumed</a:t>
            </a:r>
            <a:r>
              <a:rPr lang="da-DK" kern="0" dirty="0"/>
              <a:t> ressource </a:t>
            </a:r>
            <a:r>
              <a:rPr lang="da-DK" kern="0" dirty="0" err="1"/>
              <a:t>prices</a:t>
            </a:r>
            <a:r>
              <a:rPr lang="da-DK" kern="0" dirty="0"/>
              <a:t> (i.e. fossil </a:t>
            </a:r>
            <a:r>
              <a:rPr lang="da-DK" kern="0" dirty="0" err="1"/>
              <a:t>fuels</a:t>
            </a:r>
            <a:r>
              <a:rPr lang="da-DK" kern="0" dirty="0"/>
              <a:t>, </a:t>
            </a:r>
            <a:r>
              <a:rPr lang="da-DK" kern="0" dirty="0" err="1"/>
              <a:t>electricity</a:t>
            </a:r>
            <a:r>
              <a:rPr lang="da-DK" kern="0" dirty="0"/>
              <a:t>, emissions) as </a:t>
            </a:r>
            <a:r>
              <a:rPr lang="da-DK" kern="0" dirty="0" err="1"/>
              <a:t>well</a:t>
            </a:r>
            <a:r>
              <a:rPr lang="da-DK" kern="0" dirty="0"/>
              <a:t> as </a:t>
            </a:r>
            <a:r>
              <a:rPr lang="da-DK" kern="0" dirty="0" err="1"/>
              <a:t>capital</a:t>
            </a:r>
            <a:r>
              <a:rPr lang="da-DK" kern="0" dirty="0"/>
              <a:t> </a:t>
            </a:r>
            <a:r>
              <a:rPr lang="da-DK" kern="0" dirty="0" err="1"/>
              <a:t>cost</a:t>
            </a:r>
            <a:r>
              <a:rPr lang="da-DK" kern="0" dirty="0"/>
              <a:t> </a:t>
            </a:r>
            <a:r>
              <a:rPr lang="da-DK" kern="0" dirty="0" err="1"/>
              <a:t>estimates</a:t>
            </a:r>
            <a:r>
              <a:rPr lang="da-DK" kern="0" dirty="0"/>
              <a:t>.</a:t>
            </a:r>
          </a:p>
          <a:p>
            <a:endParaRPr lang="da-DK" kern="0" dirty="0"/>
          </a:p>
          <a:p>
            <a:r>
              <a:rPr lang="da-DK" kern="0" dirty="0"/>
              <a:t>The </a:t>
            </a:r>
            <a:r>
              <a:rPr lang="da-DK" kern="0" dirty="0" err="1"/>
              <a:t>cost</a:t>
            </a:r>
            <a:r>
              <a:rPr lang="da-DK" kern="0" dirty="0"/>
              <a:t> </a:t>
            </a:r>
            <a:r>
              <a:rPr lang="da-DK" kern="0" dirty="0" err="1"/>
              <a:t>used</a:t>
            </a:r>
            <a:r>
              <a:rPr lang="da-DK" kern="0" dirty="0"/>
              <a:t> for </a:t>
            </a:r>
            <a:r>
              <a:rPr lang="da-DK" kern="0" dirty="0" err="1"/>
              <a:t>each</a:t>
            </a:r>
            <a:r>
              <a:rPr lang="da-DK" kern="0" dirty="0"/>
              <a:t> </a:t>
            </a:r>
            <a:r>
              <a:rPr lang="da-DK" kern="0" dirty="0" err="1"/>
              <a:t>sector</a:t>
            </a:r>
            <a:r>
              <a:rPr lang="da-DK" kern="0" dirty="0"/>
              <a:t> </a:t>
            </a:r>
            <a:r>
              <a:rPr lang="da-DK" kern="0" dirty="0" err="1"/>
              <a:t>represents</a:t>
            </a:r>
            <a:r>
              <a:rPr lang="da-DK" kern="0" dirty="0"/>
              <a:t> </a:t>
            </a:r>
            <a:r>
              <a:rPr lang="da-DK" kern="0" dirty="0" err="1"/>
              <a:t>only</a:t>
            </a:r>
            <a:r>
              <a:rPr lang="da-DK" kern="0" dirty="0"/>
              <a:t> </a:t>
            </a:r>
            <a:r>
              <a:rPr lang="da-DK" kern="0" dirty="0" err="1"/>
              <a:t>costs</a:t>
            </a:r>
            <a:r>
              <a:rPr lang="da-DK" kern="0" dirty="0"/>
              <a:t> </a:t>
            </a:r>
            <a:r>
              <a:rPr lang="da-DK" kern="0" dirty="0" err="1"/>
              <a:t>unique</a:t>
            </a:r>
            <a:r>
              <a:rPr lang="da-DK" kern="0" dirty="0"/>
              <a:t> to </a:t>
            </a:r>
            <a:r>
              <a:rPr lang="da-DK" kern="0" dirty="0" err="1"/>
              <a:t>each</a:t>
            </a:r>
            <a:r>
              <a:rPr lang="da-DK" kern="0" dirty="0"/>
              <a:t> </a:t>
            </a:r>
            <a:r>
              <a:rPr lang="da-DK" kern="0" dirty="0" err="1"/>
              <a:t>technology</a:t>
            </a:r>
            <a:r>
              <a:rPr lang="da-DK" kern="0" dirty="0"/>
              <a:t> (</a:t>
            </a:r>
            <a:r>
              <a:rPr lang="da-DK" kern="0" dirty="0" err="1"/>
              <a:t>e.g</a:t>
            </a:r>
            <a:r>
              <a:rPr lang="da-DK" kern="0" dirty="0"/>
              <a:t>. </a:t>
            </a:r>
            <a:r>
              <a:rPr lang="da-DK" kern="0" dirty="0" err="1"/>
              <a:t>iron</a:t>
            </a:r>
            <a:r>
              <a:rPr lang="da-DK" kern="0" dirty="0"/>
              <a:t> </a:t>
            </a:r>
            <a:r>
              <a:rPr lang="da-DK" kern="0" dirty="0" err="1"/>
              <a:t>cost</a:t>
            </a:r>
            <a:r>
              <a:rPr lang="da-DK" kern="0" dirty="0"/>
              <a:t> is </a:t>
            </a:r>
            <a:r>
              <a:rPr lang="da-DK" kern="0" dirty="0" err="1"/>
              <a:t>excluded</a:t>
            </a:r>
            <a:r>
              <a:rPr lang="da-DK" kern="0" dirty="0"/>
              <a:t> from </a:t>
            </a:r>
            <a:r>
              <a:rPr lang="da-DK" kern="0" dirty="0" err="1"/>
              <a:t>steel</a:t>
            </a:r>
            <a:r>
              <a:rPr lang="da-DK" kern="0" dirty="0"/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286422186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F9A159-DA10-4727-8E9C-6F4383C787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iffusion of </a:t>
            </a:r>
            <a:r>
              <a:rPr lang="da-DK" dirty="0" err="1"/>
              <a:t>competing</a:t>
            </a:r>
            <a:r>
              <a:rPr lang="da-DK" dirty="0"/>
              <a:t> </a:t>
            </a:r>
            <a:r>
              <a:rPr lang="da-DK" dirty="0" err="1"/>
              <a:t>technologies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FA13992-C565-C6E9-4317-C28CE904F3A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 descr="A graph of different types of electrical components&#10;&#10;Description automatically generated with medium confidence">
            <a:extLst>
              <a:ext uri="{FF2B5EF4-FFF2-40B4-BE49-F238E27FC236}">
                <a16:creationId xmlns:a16="http://schemas.microsoft.com/office/drawing/2014/main" id="{5C585A35-6B71-89B0-B5BD-A5469372880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38175" y="1556792"/>
            <a:ext cx="9189679" cy="4521538"/>
          </a:xfrm>
          <a:prstGeom prst="rect">
            <a:avLst/>
          </a:prstGeom>
        </p:spPr>
      </p:pic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6A107A15-B1C9-4E15-F78B-2CB13DC22BD8}"/>
              </a:ext>
            </a:extLst>
          </p:cNvPr>
          <p:cNvSpPr txBox="1">
            <a:spLocks/>
          </p:cNvSpPr>
          <p:nvPr/>
        </p:nvSpPr>
        <p:spPr bwMode="auto">
          <a:xfrm>
            <a:off x="406574" y="1775924"/>
            <a:ext cx="2357138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da-DK" kern="0" dirty="0"/>
              <a:t>Total </a:t>
            </a:r>
            <a:r>
              <a:rPr lang="da-DK" kern="0" dirty="0" err="1"/>
              <a:t>activity</a:t>
            </a:r>
            <a:r>
              <a:rPr lang="da-DK" kern="0" dirty="0"/>
              <a:t> </a:t>
            </a:r>
            <a:r>
              <a:rPr lang="da-DK" kern="0" dirty="0" err="1"/>
              <a:t>levels</a:t>
            </a:r>
            <a:r>
              <a:rPr lang="da-DK" kern="0" dirty="0"/>
              <a:t> </a:t>
            </a:r>
            <a:r>
              <a:rPr lang="da-DK" kern="0" dirty="0" err="1"/>
              <a:t>are</a:t>
            </a:r>
            <a:r>
              <a:rPr lang="da-DK" kern="0" dirty="0"/>
              <a:t> </a:t>
            </a:r>
            <a:r>
              <a:rPr lang="da-DK" kern="0" dirty="0" err="1"/>
              <a:t>predetermined</a:t>
            </a:r>
            <a:r>
              <a:rPr lang="da-DK" kern="0" dirty="0"/>
              <a:t>.</a:t>
            </a:r>
          </a:p>
          <a:p>
            <a:endParaRPr lang="da-DK" kern="0" dirty="0"/>
          </a:p>
          <a:p>
            <a:r>
              <a:rPr lang="da-DK" kern="0" dirty="0"/>
              <a:t>Investment flow is </a:t>
            </a:r>
            <a:r>
              <a:rPr lang="da-DK" kern="0" dirty="0" err="1"/>
              <a:t>limited</a:t>
            </a:r>
            <a:r>
              <a:rPr lang="da-DK" kern="0" dirty="0"/>
              <a:t> by </a:t>
            </a:r>
            <a:r>
              <a:rPr lang="da-DK" kern="0" dirty="0" err="1"/>
              <a:t>replacement</a:t>
            </a:r>
            <a:r>
              <a:rPr lang="da-DK" kern="0" dirty="0"/>
              <a:t> rate and </a:t>
            </a:r>
            <a:r>
              <a:rPr lang="da-DK" kern="0" dirty="0" err="1"/>
              <a:t>distributed</a:t>
            </a:r>
            <a:r>
              <a:rPr lang="da-DK" kern="0" dirty="0"/>
              <a:t> by </a:t>
            </a:r>
            <a:r>
              <a:rPr lang="da-DK" kern="0" dirty="0" err="1"/>
              <a:t>competitiveness</a:t>
            </a:r>
            <a:r>
              <a:rPr lang="da-DK" kern="0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28693533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1C35D65-B677-6F26-321B-6CE320314D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nstructing</a:t>
            </a:r>
            <a:r>
              <a:rPr lang="da-DK" dirty="0"/>
              <a:t> the hydrogen demand </a:t>
            </a:r>
            <a:r>
              <a:rPr lang="da-DK" dirty="0" err="1"/>
              <a:t>curve</a:t>
            </a:r>
            <a:endParaRPr lang="en-US" dirty="0"/>
          </a:p>
        </p:txBody>
      </p:sp>
      <p:pic>
        <p:nvPicPr>
          <p:cNvPr id="6" name="Content Placeholder 5" descr="A graph of different colored bars&#10;&#10;Description automatically generated with medium confidence">
            <a:extLst>
              <a:ext uri="{FF2B5EF4-FFF2-40B4-BE49-F238E27FC236}">
                <a16:creationId xmlns:a16="http://schemas.microsoft.com/office/drawing/2014/main" id="{6A82F42C-D673-B359-A802-8A8A42A1FFE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26775" y="2109701"/>
            <a:ext cx="9312275" cy="4211801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3DFD5B8-3E65-9AF5-4E0D-02017B24402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0DBB2DF-E4BD-4334-53AF-BE5283160728}"/>
              </a:ext>
            </a:extLst>
          </p:cNvPr>
          <p:cNvSpPr txBox="1">
            <a:spLocks/>
          </p:cNvSpPr>
          <p:nvPr/>
        </p:nvSpPr>
        <p:spPr bwMode="auto">
          <a:xfrm>
            <a:off x="406574" y="1757352"/>
            <a:ext cx="2357138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da-DK" kern="0" dirty="0"/>
              <a:t>Grey </a:t>
            </a:r>
            <a:r>
              <a:rPr lang="da-DK" kern="0" dirty="0" err="1"/>
              <a:t>dotted</a:t>
            </a:r>
            <a:r>
              <a:rPr lang="da-DK" kern="0" dirty="0"/>
              <a:t> line is the </a:t>
            </a:r>
            <a:r>
              <a:rPr lang="da-DK" kern="0" dirty="0" err="1"/>
              <a:t>assumed</a:t>
            </a:r>
            <a:r>
              <a:rPr lang="da-DK" kern="0" dirty="0"/>
              <a:t> </a:t>
            </a:r>
            <a:r>
              <a:rPr lang="da-DK" kern="0" dirty="0" err="1"/>
              <a:t>cost</a:t>
            </a:r>
            <a:r>
              <a:rPr lang="da-DK" kern="0" dirty="0"/>
              <a:t> of green hydrogen </a:t>
            </a:r>
            <a:r>
              <a:rPr lang="da-DK" kern="0" dirty="0" err="1"/>
              <a:t>production</a:t>
            </a:r>
            <a:r>
              <a:rPr lang="da-DK" kern="0" dirty="0"/>
              <a:t> – </a:t>
            </a:r>
            <a:r>
              <a:rPr lang="da-DK" kern="0" dirty="0" err="1"/>
              <a:t>derived</a:t>
            </a:r>
            <a:r>
              <a:rPr lang="da-DK" kern="0" dirty="0"/>
              <a:t> </a:t>
            </a:r>
            <a:r>
              <a:rPr lang="da-DK" kern="0" dirty="0" err="1"/>
              <a:t>based</a:t>
            </a:r>
            <a:r>
              <a:rPr lang="da-DK" kern="0" dirty="0"/>
              <a:t> on the </a:t>
            </a:r>
            <a:r>
              <a:rPr lang="da-DK" kern="0" dirty="0" err="1"/>
              <a:t>endogenous</a:t>
            </a:r>
            <a:r>
              <a:rPr lang="da-DK" kern="0" dirty="0"/>
              <a:t> learning </a:t>
            </a:r>
            <a:r>
              <a:rPr lang="da-DK" kern="0" dirty="0" err="1"/>
              <a:t>curve</a:t>
            </a:r>
            <a:r>
              <a:rPr lang="da-DK" kern="0" dirty="0"/>
              <a:t>.</a:t>
            </a:r>
          </a:p>
          <a:p>
            <a:endParaRPr lang="da-DK" kern="0" dirty="0"/>
          </a:p>
          <a:p>
            <a:r>
              <a:rPr lang="da-DK" kern="0" dirty="0" err="1"/>
              <a:t>Willingness</a:t>
            </a:r>
            <a:r>
              <a:rPr lang="da-DK" kern="0" dirty="0"/>
              <a:t>-to-pay for green H2 </a:t>
            </a:r>
            <a:r>
              <a:rPr lang="da-DK" kern="0" dirty="0" err="1"/>
              <a:t>increases</a:t>
            </a:r>
            <a:r>
              <a:rPr lang="da-DK" kern="0" dirty="0"/>
              <a:t> </a:t>
            </a:r>
            <a:r>
              <a:rPr lang="da-DK" kern="0" dirty="0" err="1"/>
              <a:t>primarily</a:t>
            </a:r>
            <a:r>
              <a:rPr lang="da-DK" kern="0" dirty="0"/>
              <a:t> due to </a:t>
            </a:r>
            <a:r>
              <a:rPr lang="da-DK" kern="0" dirty="0" err="1"/>
              <a:t>increases</a:t>
            </a:r>
            <a:r>
              <a:rPr lang="da-DK" kern="0" dirty="0"/>
              <a:t> in emission </a:t>
            </a:r>
            <a:r>
              <a:rPr lang="da-DK" kern="0" dirty="0" err="1"/>
              <a:t>costs</a:t>
            </a:r>
            <a:r>
              <a:rPr lang="da-DK" kern="0" dirty="0"/>
              <a:t> for </a:t>
            </a:r>
            <a:r>
              <a:rPr lang="da-DK" kern="0" dirty="0" err="1"/>
              <a:t>conventional</a:t>
            </a:r>
            <a:r>
              <a:rPr lang="da-DK" kern="0" dirty="0"/>
              <a:t> </a:t>
            </a:r>
            <a:r>
              <a:rPr lang="da-DK" kern="0" dirty="0" err="1"/>
              <a:t>technologies</a:t>
            </a:r>
            <a:r>
              <a:rPr lang="da-DK" kern="0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47099757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D47EB1-48FB-CCAD-3F3F-10113BEB05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  <a:normAutofit/>
          </a:bodyPr>
          <a:lstStyle/>
          <a:p>
            <a:r>
              <a:rPr lang="da-DK" dirty="0"/>
              <a:t>Overall hydrogen </a:t>
            </a:r>
            <a:r>
              <a:rPr lang="da-DK"/>
              <a:t>demand projection</a:t>
            </a:r>
            <a:endParaRPr lang="en-US" dirty="0"/>
          </a:p>
        </p:txBody>
      </p:sp>
      <p:pic>
        <p:nvPicPr>
          <p:cNvPr id="6" name="Content Placeholder 5" descr="A graph showing the number of hydrogen and green hydrogen&#10;&#10;Description automatically generated">
            <a:extLst>
              <a:ext uri="{FF2B5EF4-FFF2-40B4-BE49-F238E27FC236}">
                <a16:creationId xmlns:a16="http://schemas.microsoft.com/office/drawing/2014/main" id="{86E1AABF-3AFF-AA99-ABAD-817880811011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4606" y="2496877"/>
            <a:ext cx="5490371" cy="3692274"/>
          </a:xfrm>
          <a:noFill/>
        </p:spPr>
      </p:pic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1CD1021C-3DCB-8D4D-9E25-2E5E3693AEE4}"/>
              </a:ext>
            </a:extLst>
          </p:cNvPr>
          <p:cNvSpPr txBox="1">
            <a:spLocks/>
          </p:cNvSpPr>
          <p:nvPr/>
        </p:nvSpPr>
        <p:spPr bwMode="auto"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normAutofit/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da-DK" kern="0" dirty="0" err="1"/>
              <a:t>Initially</a:t>
            </a:r>
            <a:r>
              <a:rPr lang="da-DK" kern="0" dirty="0"/>
              <a:t>, a base </a:t>
            </a:r>
            <a:r>
              <a:rPr lang="da-DK" kern="0" dirty="0" err="1"/>
              <a:t>consumption</a:t>
            </a:r>
            <a:r>
              <a:rPr lang="da-DK" kern="0" dirty="0"/>
              <a:t> of </a:t>
            </a:r>
            <a:r>
              <a:rPr lang="da-DK" kern="0" dirty="0" err="1"/>
              <a:t>grey</a:t>
            </a:r>
            <a:r>
              <a:rPr lang="da-DK" kern="0" dirty="0"/>
              <a:t> hydrogen is </a:t>
            </a:r>
            <a:r>
              <a:rPr lang="da-DK" kern="0" dirty="0" err="1"/>
              <a:t>seen</a:t>
            </a:r>
            <a:r>
              <a:rPr lang="da-DK" kern="0" dirty="0"/>
              <a:t> in </a:t>
            </a:r>
            <a:r>
              <a:rPr lang="da-DK" kern="0" dirty="0" err="1"/>
              <a:t>fertilizer</a:t>
            </a:r>
            <a:r>
              <a:rPr lang="da-DK" kern="0" dirty="0"/>
              <a:t> </a:t>
            </a:r>
            <a:r>
              <a:rPr lang="da-DK" kern="0" dirty="0" err="1"/>
              <a:t>production</a:t>
            </a:r>
            <a:r>
              <a:rPr lang="da-DK" kern="0" dirty="0"/>
              <a:t> and </a:t>
            </a:r>
            <a:r>
              <a:rPr lang="da-DK" kern="0" dirty="0" err="1"/>
              <a:t>oil</a:t>
            </a:r>
            <a:r>
              <a:rPr lang="da-DK" kern="0" dirty="0"/>
              <a:t> </a:t>
            </a:r>
            <a:r>
              <a:rPr lang="da-DK" kern="0" dirty="0" err="1"/>
              <a:t>refining</a:t>
            </a:r>
            <a:r>
              <a:rPr lang="da-DK" kern="0" dirty="0"/>
              <a:t>.</a:t>
            </a:r>
          </a:p>
          <a:p>
            <a:endParaRPr lang="da-DK" kern="0" dirty="0"/>
          </a:p>
          <a:p>
            <a:r>
              <a:rPr lang="da-DK" kern="0" dirty="0"/>
              <a:t>No retrofitting of SMR is </a:t>
            </a:r>
            <a:r>
              <a:rPr lang="da-DK" kern="0" dirty="0" err="1"/>
              <a:t>modelled</a:t>
            </a:r>
            <a:r>
              <a:rPr lang="da-DK" kern="0" dirty="0"/>
              <a:t>, </a:t>
            </a:r>
            <a:r>
              <a:rPr lang="da-DK" kern="0" dirty="0" err="1"/>
              <a:t>limiting</a:t>
            </a:r>
            <a:r>
              <a:rPr lang="da-DK" kern="0" dirty="0"/>
              <a:t> the </a:t>
            </a:r>
            <a:r>
              <a:rPr lang="da-DK" kern="0" dirty="0" err="1"/>
              <a:t>investments</a:t>
            </a:r>
            <a:r>
              <a:rPr lang="da-DK" kern="0" dirty="0"/>
              <a:t> in </a:t>
            </a:r>
            <a:r>
              <a:rPr lang="da-DK" kern="0" dirty="0" err="1"/>
              <a:t>blue</a:t>
            </a:r>
            <a:r>
              <a:rPr lang="da-DK" kern="0" dirty="0"/>
              <a:t> H2 for </a:t>
            </a:r>
            <a:r>
              <a:rPr lang="da-DK" kern="0" dirty="0" err="1"/>
              <a:t>these</a:t>
            </a:r>
            <a:r>
              <a:rPr lang="da-DK" kern="0" dirty="0"/>
              <a:t> </a:t>
            </a:r>
            <a:r>
              <a:rPr lang="da-DK" kern="0" dirty="0" err="1"/>
              <a:t>sectors</a:t>
            </a:r>
            <a:r>
              <a:rPr lang="da-DK" kern="0" dirty="0"/>
              <a:t>.</a:t>
            </a:r>
          </a:p>
          <a:p>
            <a:endParaRPr lang="da-DK" kern="0" dirty="0"/>
          </a:p>
          <a:p>
            <a:r>
              <a:rPr lang="da-DK" kern="0" dirty="0"/>
              <a:t>Green H2 demand is 500 </a:t>
            </a:r>
            <a:r>
              <a:rPr lang="da-DK" kern="0" dirty="0" err="1"/>
              <a:t>TWh</a:t>
            </a:r>
            <a:r>
              <a:rPr lang="da-DK" kern="0" dirty="0"/>
              <a:t> in 2050.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CC71F9-06FF-5DDB-29A5-535FC2D5A5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vert="horz" lIns="0" tIns="0" rIns="0" bIns="0" rtlCol="0" anchor="ctr" anchorCtr="0">
            <a:normAutofit/>
          </a:bodyPr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0289263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59</TotalTime>
  <Words>625</Words>
  <Application>Microsoft Office PowerPoint</Application>
  <PresentationFormat>Custom</PresentationFormat>
  <Paragraphs>72</Paragraphs>
  <Slides>1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6" baseType="lpstr">
      <vt:lpstr>Arial</vt:lpstr>
      <vt:lpstr>Verdana</vt:lpstr>
      <vt:lpstr>Wingdings</vt:lpstr>
      <vt:lpstr>Blank</vt:lpstr>
      <vt:lpstr>PowerPoint Presentation</vt:lpstr>
      <vt:lpstr>Green hydrogen demand projections</vt:lpstr>
      <vt:lpstr>Two-fold motivation</vt:lpstr>
      <vt:lpstr>Research question</vt:lpstr>
      <vt:lpstr>Methodology</vt:lpstr>
      <vt:lpstr>Projecting the sectoral technology costs</vt:lpstr>
      <vt:lpstr>Diffusion of competing technologies</vt:lpstr>
      <vt:lpstr>Constructing the hydrogen demand curve</vt:lpstr>
      <vt:lpstr>Overall hydrogen demand projection</vt:lpstr>
      <vt:lpstr>Subsidizing the production of green hydrogen </vt:lpstr>
      <vt:lpstr>Investigating the likely range of </vt:lpstr>
      <vt:lpstr>Establishing a CO2 emissions demand curve for conventional technologies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Frederik Skou Fertin</dc:creator>
  <cp:lastModifiedBy>Frederik Skou Fertin</cp:lastModifiedBy>
  <cp:revision>1</cp:revision>
  <dcterms:created xsi:type="dcterms:W3CDTF">2025-01-03T11:30:35Z</dcterms:created>
  <dcterms:modified xsi:type="dcterms:W3CDTF">2025-01-03T14:10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